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Default Extension="vml" ContentType="application/vnd.openxmlformats-officedocument.vmlDrawing"/>
  <Default Extension="xlsx" ContentType="application/vnd.openxmlformats-officedocument.spreadsheetml.sheet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3"/>
  </p:notesMasterIdLst>
  <p:sldIdLst>
    <p:sldId id="256" r:id="rId2"/>
    <p:sldId id="286" r:id="rId3"/>
    <p:sldId id="287" r:id="rId4"/>
    <p:sldId id="288" r:id="rId5"/>
    <p:sldId id="289" r:id="rId6"/>
    <p:sldId id="290" r:id="rId7"/>
    <p:sldId id="291" r:id="rId8"/>
    <p:sldId id="292" r:id="rId9"/>
    <p:sldId id="293" r:id="rId10"/>
    <p:sldId id="294" r:id="rId11"/>
    <p:sldId id="295" r:id="rId12"/>
    <p:sldId id="296" r:id="rId13"/>
    <p:sldId id="297" r:id="rId14"/>
    <p:sldId id="298" r:id="rId15"/>
    <p:sldId id="299" r:id="rId16"/>
    <p:sldId id="300" r:id="rId17"/>
    <p:sldId id="301" r:id="rId18"/>
    <p:sldId id="302" r:id="rId19"/>
    <p:sldId id="303" r:id="rId20"/>
    <p:sldId id="306" r:id="rId21"/>
    <p:sldId id="307" r:id="rId22"/>
  </p:sldIdLst>
  <p:sldSz cx="12192000" cy="6858000"/>
  <p:notesSz cx="6858000" cy="9144000"/>
  <p:custDataLst>
    <p:tags r:id="rId24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987" autoAdjust="0"/>
    <p:restoredTop sz="76180" autoAdjust="0"/>
  </p:normalViewPr>
  <p:slideViewPr>
    <p:cSldViewPr snapToGrid="0">
      <p:cViewPr varScale="1">
        <p:scale>
          <a:sx n="88" d="100"/>
          <a:sy n="88" d="100"/>
        </p:scale>
        <p:origin x="1416" y="9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viewProps" Target="view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notesMaster" Target="notesMasters/notesMaster1.xml"/><Relationship Id="rId28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theme" Target="theme/theme1.xml"/></Relationships>
</file>

<file path=ppt/drawings/_rels/vmlDrawing1.vml.rels><?xml version="1.0" encoding="UTF-8" standalone="yes"?>
<Relationships xmlns="http://schemas.openxmlformats.org/package/2006/relationships"><Relationship Id="rId2" Type="http://schemas.openxmlformats.org/officeDocument/2006/relationships/image" Target="../media/image9.emf"/><Relationship Id="rId1" Type="http://schemas.openxmlformats.org/officeDocument/2006/relationships/image" Target="../media/image8.e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DC9C3F73-69A3-492A-BB69-BFAE36A277B0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4456089-34B6-4F84-A1AD-C4F8183F9F5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5586330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4456089-34B6-4F84-A1AD-C4F8183F9F53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4426659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9804322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sz="1200" dirty="0" smtClean="0"/>
              <a:t>Всё реализовано через поиск в строке</a:t>
            </a:r>
            <a:r>
              <a:rPr lang="en-US" sz="1200" dirty="0" smtClean="0"/>
              <a:t>:</a:t>
            </a:r>
            <a:r>
              <a:rPr lang="en-US" sz="1200" baseline="0" dirty="0" smtClean="0"/>
              <a:t> </a:t>
            </a:r>
            <a:r>
              <a:rPr lang="ru-RU" sz="1200" baseline="0" dirty="0" smtClean="0"/>
              <a:t>чем больше данных, тем менее шустро работают выражения с </a:t>
            </a:r>
            <a:r>
              <a:rPr lang="en-US" sz="1200" baseline="0" dirty="0" smtClean="0"/>
              <a:t>LIKE</a:t>
            </a:r>
            <a:r>
              <a:rPr lang="ru-RU" sz="1200" baseline="0" dirty="0" smtClean="0"/>
              <a:t>.</a:t>
            </a:r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8015270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Для</a:t>
            </a:r>
            <a:r>
              <a:rPr lang="ru-RU" baseline="0" dirty="0" smtClean="0"/>
              <a:t> каждого узла храним два числа</a:t>
            </a:r>
            <a:r>
              <a:rPr lang="en-US" baseline="0" dirty="0" smtClean="0"/>
              <a:t>: </a:t>
            </a:r>
            <a:r>
              <a:rPr lang="ru-RU" baseline="0" dirty="0" smtClean="0"/>
              <a:t>условно назовем их левая граница интервала и правая граница интервала</a:t>
            </a:r>
          </a:p>
          <a:p>
            <a:r>
              <a:rPr lang="ru-RU" baseline="0" dirty="0" smtClean="0"/>
              <a:t>Элемент А является родителем элемента Б, если  интервал </a:t>
            </a:r>
            <a:r>
              <a:rPr lang="en-US" baseline="0" dirty="0" smtClean="0"/>
              <a:t>[left; right] </a:t>
            </a:r>
            <a:r>
              <a:rPr lang="ru-RU" baseline="0" dirty="0" smtClean="0"/>
              <a:t>дочернего элемента попадает в интервал родительского элемента</a:t>
            </a:r>
          </a:p>
          <a:p>
            <a:r>
              <a:rPr lang="ru-RU" baseline="0" dirty="0" smtClean="0"/>
              <a:t>Для просто случая с целыми числами можно рассматривать числа </a:t>
            </a:r>
            <a:r>
              <a:rPr lang="en-US" baseline="0" dirty="0" smtClean="0"/>
              <a:t>left </a:t>
            </a:r>
            <a:r>
              <a:rPr lang="ru-RU" baseline="0" dirty="0" smtClean="0"/>
              <a:t>и </a:t>
            </a:r>
            <a:r>
              <a:rPr lang="en-US" baseline="0" dirty="0" smtClean="0"/>
              <a:t>right </a:t>
            </a:r>
            <a:r>
              <a:rPr lang="ru-RU" baseline="0" dirty="0" smtClean="0"/>
              <a:t>как порядок обхода дерева, если бы мы обходили его рекурсивно слева на право, начиная с корня.</a:t>
            </a:r>
          </a:p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7293980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Храним "путь" для каждого элемента от корня</a:t>
            </a:r>
            <a:endParaRPr lang="en-US" dirty="0" smtClean="0"/>
          </a:p>
          <a:p>
            <a:r>
              <a:rPr lang="ru-RU" dirty="0" smtClean="0"/>
              <a:t>В</a:t>
            </a:r>
            <a:r>
              <a:rPr lang="ru-RU" baseline="0" dirty="0" smtClean="0"/>
              <a:t> терминах </a:t>
            </a:r>
            <a:r>
              <a:rPr lang="en-US" baseline="0" dirty="0" err="1" smtClean="0"/>
              <a:t>mysql</a:t>
            </a:r>
            <a:r>
              <a:rPr lang="en-US" baseline="0" dirty="0" smtClean="0"/>
              <a:t> </a:t>
            </a:r>
            <a:r>
              <a:rPr lang="ru-RU" baseline="0" dirty="0" smtClean="0"/>
              <a:t>это обычно означает сохранение в </a:t>
            </a:r>
            <a:r>
              <a:rPr lang="ru-RU" baseline="0" dirty="0" err="1" smtClean="0"/>
              <a:t>строкове</a:t>
            </a:r>
            <a:r>
              <a:rPr lang="ru-RU" baseline="0" dirty="0" smtClean="0"/>
              <a:t> поле перечисления через запятую всех </a:t>
            </a:r>
            <a:r>
              <a:rPr lang="ru-RU" baseline="0" dirty="0" err="1" smtClean="0"/>
              <a:t>айдишников</a:t>
            </a:r>
            <a:r>
              <a:rPr lang="ru-RU" baseline="0" dirty="0" smtClean="0"/>
              <a:t> родительских элементов</a:t>
            </a:r>
          </a:p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>
                <a:solidFill>
                  <a:prstClr val="black"/>
                </a:solidFill>
              </a:rPr>
              <a:pPr/>
              <a:t>15</a:t>
            </a:fld>
            <a:endParaRPr lang="ru-RU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86724652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ыборка</a:t>
            </a:r>
            <a:r>
              <a:rPr lang="ru-RU" baseline="0" dirty="0" smtClean="0"/>
              <a:t> поддерева сводится к простому СЕЛЕКТУ с условием, что нужно выбрать все элементы, у которых </a:t>
            </a:r>
            <a:r>
              <a:rPr lang="ru-RU" baseline="0" dirty="0" err="1" smtClean="0"/>
              <a:t>лефт</a:t>
            </a:r>
            <a:r>
              <a:rPr lang="ru-RU" baseline="0" dirty="0" smtClean="0"/>
              <a:t> между </a:t>
            </a:r>
            <a:r>
              <a:rPr lang="ru-RU" baseline="0" dirty="0" err="1" smtClean="0"/>
              <a:t>лефт</a:t>
            </a:r>
            <a:r>
              <a:rPr lang="ru-RU" baseline="0" dirty="0" smtClean="0"/>
              <a:t> и </a:t>
            </a:r>
            <a:r>
              <a:rPr lang="ru-RU" baseline="0" dirty="0" err="1" smtClean="0"/>
              <a:t>райт</a:t>
            </a:r>
            <a:r>
              <a:rPr lang="ru-RU" baseline="0" dirty="0" smtClean="0"/>
              <a:t> </a:t>
            </a:r>
          </a:p>
          <a:p>
            <a:r>
              <a:rPr lang="ru-RU" baseline="0" dirty="0" smtClean="0"/>
              <a:t>Выборка родителей сводится к простому СЕЛЕКТУ – выбрать всех предков, у которых </a:t>
            </a:r>
            <a:r>
              <a:rPr lang="ru-RU" baseline="0" dirty="0" err="1" smtClean="0"/>
              <a:t>лефт</a:t>
            </a:r>
            <a:r>
              <a:rPr lang="ru-RU" baseline="0" dirty="0" smtClean="0"/>
              <a:t> искомого элемента попадает в интервал </a:t>
            </a:r>
            <a:r>
              <a:rPr lang="en-US" baseline="0" dirty="0" smtClean="0"/>
              <a:t>left right</a:t>
            </a:r>
          </a:p>
          <a:p>
            <a:r>
              <a:rPr lang="en-US" baseline="0" dirty="0" smtClean="0"/>
              <a:t>C </a:t>
            </a:r>
            <a:r>
              <a:rPr lang="ru-RU" baseline="0" dirty="0" smtClean="0"/>
              <a:t>грамотными индексами работает очень шустро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Первый недостаток – чтобы выбрать прямого потомка элемента нужно ввести дополнительные параметры – часто этот метод комбинируют с </a:t>
            </a:r>
            <a:r>
              <a:rPr lang="en-US" baseline="0" dirty="0" err="1" smtClean="0"/>
              <a:t>AdjList</a:t>
            </a:r>
            <a:r>
              <a:rPr lang="en-US" baseline="0" dirty="0" smtClean="0"/>
              <a:t> </a:t>
            </a:r>
            <a:r>
              <a:rPr lang="ru-RU" baseline="0" dirty="0" smtClean="0"/>
              <a:t>и добавляют ещё поле </a:t>
            </a:r>
            <a:r>
              <a:rPr lang="en-US" baseline="0" dirty="0" err="1" smtClean="0"/>
              <a:t>parent_id</a:t>
            </a:r>
            <a:r>
              <a:rPr lang="ru-RU" baseline="0" dirty="0" smtClean="0"/>
              <a:t>, что позволяет</a:t>
            </a:r>
          </a:p>
          <a:p>
            <a:r>
              <a:rPr lang="ru-RU" baseline="0" dirty="0" smtClean="0"/>
              <a:t>Второй – и самый главный недостаток – затраты на изменение структуры. При каждом добавлении, удалении или перемещении узла или узлов нужно пересчитать значения </a:t>
            </a:r>
            <a:r>
              <a:rPr lang="en-US" baseline="0" dirty="0" smtClean="0"/>
              <a:t>left </a:t>
            </a:r>
            <a:r>
              <a:rPr lang="ru-RU" baseline="0" dirty="0" smtClean="0"/>
              <a:t>и </a:t>
            </a:r>
            <a:r>
              <a:rPr lang="en-US" baseline="0" dirty="0" smtClean="0"/>
              <a:t>right</a:t>
            </a:r>
            <a:r>
              <a:rPr lang="ru-RU" baseline="0" dirty="0" smtClean="0"/>
              <a:t> почти для всех элементов.</a:t>
            </a:r>
          </a:p>
          <a:p>
            <a:r>
              <a:rPr lang="ru-RU" baseline="0" dirty="0" smtClean="0"/>
              <a:t>Есть способы борьбы с этим недостатком, например введение ещё двух полей и хранение не целых чисел а знаменателей и числителей для двух целочисленных дробей, но это уже будет </a:t>
            </a:r>
            <a:r>
              <a:rPr lang="ru-RU" baseline="0" dirty="0" err="1" smtClean="0"/>
              <a:t>сказыватся</a:t>
            </a:r>
            <a:r>
              <a:rPr lang="ru-RU" baseline="0" dirty="0" smtClean="0"/>
              <a:t> на скорости выборки.</a:t>
            </a:r>
          </a:p>
          <a:p>
            <a:r>
              <a:rPr lang="ru-RU" baseline="0" dirty="0" smtClean="0"/>
              <a:t>Если дерево обновляется редко – </a:t>
            </a:r>
            <a:r>
              <a:rPr lang="en-US" baseline="0" dirty="0" smtClean="0"/>
              <a:t>Nested Set </a:t>
            </a:r>
            <a:r>
              <a:rPr lang="ru-RU" baseline="0" dirty="0" smtClean="0"/>
              <a:t>является одним из лучших способов для организации хранения дерева.</a:t>
            </a:r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49631440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Мы выносим</a:t>
            </a:r>
            <a:r>
              <a:rPr lang="ru-RU" baseline="0" dirty="0" smtClean="0"/>
              <a:t> хранение структуры дерева в целую отдельную табличку.</a:t>
            </a:r>
            <a:endParaRPr lang="ru-RU" dirty="0" smtClean="0"/>
          </a:p>
          <a:p>
            <a:r>
              <a:rPr lang="ru-RU" dirty="0" smtClean="0"/>
              <a:t>Что</a:t>
            </a:r>
            <a:r>
              <a:rPr lang="ru-RU" baseline="0" dirty="0" smtClean="0"/>
              <a:t> такое замыкание</a:t>
            </a:r>
          </a:p>
          <a:p>
            <a:r>
              <a:rPr lang="ru-RU" dirty="0" smtClean="0"/>
              <a:t>В данном случае это просто регистрация того факта что один узел ссылается на другой. Таблица строится путем перечисления всех восходящих связей в дереве.</a:t>
            </a:r>
          </a:p>
          <a:p>
            <a:r>
              <a:rPr lang="ru-RU" dirty="0" smtClean="0"/>
              <a:t>То есть мы храним путь от каждого узла до всех его потомков,</a:t>
            </a:r>
            <a:r>
              <a:rPr lang="ru-RU" baseline="0" dirty="0" smtClean="0"/>
              <a:t> в том числе для самого узла.</a:t>
            </a:r>
          </a:p>
          <a:p>
            <a:r>
              <a:rPr lang="ru-RU" dirty="0" smtClean="0"/>
              <a:t>Худший</a:t>
            </a:r>
            <a:r>
              <a:rPr lang="ru-RU" baseline="0" dirty="0" smtClean="0"/>
              <a:t> случай для такого способа хранения – бинарное дерево, будет требовать О от </a:t>
            </a:r>
            <a:r>
              <a:rPr lang="en-US" baseline="0" dirty="0" smtClean="0"/>
              <a:t>n </a:t>
            </a:r>
            <a:r>
              <a:rPr lang="ru-RU" baseline="0" dirty="0" smtClean="0"/>
              <a:t>в квадрате записей. Но на практике такое встречается довольно редко.</a:t>
            </a:r>
            <a:endParaRPr lang="en-US" baseline="0" dirty="0" smtClean="0"/>
          </a:p>
          <a:p>
            <a:r>
              <a:rPr lang="ru-RU" baseline="0" dirty="0" smtClean="0"/>
              <a:t>У вас может возникнуть резонный вопрос – а зачем эти странные замыкания узлов самих на себя (элемент Б является дочерним по </a:t>
            </a:r>
            <a:r>
              <a:rPr lang="ru-RU" baseline="0" dirty="0" err="1" smtClean="0"/>
              <a:t>отоноешению</a:t>
            </a:r>
            <a:r>
              <a:rPr lang="ru-RU" baseline="0" dirty="0" smtClean="0"/>
              <a:t> к элементу Б на глубине 0)</a:t>
            </a:r>
          </a:p>
          <a:p>
            <a:r>
              <a:rPr lang="ru-RU" baseline="0" dirty="0" smtClean="0"/>
              <a:t>Ответ прост – без этого маленького элемента запросы будут гораздо сложнее, а в некоторых случая потребуются дополнительные запросы. </a:t>
            </a:r>
            <a:r>
              <a:rPr lang="en-US" baseline="0" dirty="0" smtClean="0"/>
              <a:t>?????</a:t>
            </a:r>
          </a:p>
          <a:p>
            <a:endParaRPr lang="ru-RU" baseline="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1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0808499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Опять же,</a:t>
            </a:r>
            <a:r>
              <a:rPr lang="ru-RU" baseline="0" dirty="0" smtClean="0"/>
              <a:t>  никаких </a:t>
            </a:r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1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0805318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Как это обычно бывает, За производительность выборки приходится платить размером</a:t>
            </a:r>
            <a:r>
              <a:rPr lang="ru-RU" baseline="0" dirty="0" smtClean="0"/>
              <a:t> данных и скоростью изменения структуры</a:t>
            </a:r>
          </a:p>
          <a:p>
            <a:r>
              <a:rPr lang="ru-RU" dirty="0" smtClean="0"/>
              <a:t>При</a:t>
            </a:r>
            <a:r>
              <a:rPr lang="ru-RU" baseline="0" dirty="0" smtClean="0"/>
              <a:t> достижении глубины дерева примерно 30 и больше  начинают </a:t>
            </a:r>
            <a:r>
              <a:rPr lang="ru-RU" baseline="0" dirty="0" err="1" smtClean="0"/>
              <a:t>проявлятся</a:t>
            </a:r>
            <a:r>
              <a:rPr lang="ru-RU" baseline="0" dirty="0" smtClean="0"/>
              <a:t> заметные тормоза – добавление всего одного узла например на 31 уровень потребует 31 операцию вставки записей в таблицу.</a:t>
            </a:r>
          </a:p>
          <a:p>
            <a:r>
              <a:rPr lang="ru-RU" baseline="0" dirty="0" smtClean="0"/>
              <a:t>Но это довольно известный случай оптимизации, когда мы уменьшаем использование одного ресурса (процессорного времени) но увеличиваем использование другого ресурса (памяти).</a:t>
            </a:r>
          </a:p>
          <a:p>
            <a:r>
              <a:rPr lang="ru-RU" baseline="0" dirty="0" smtClean="0"/>
              <a:t>Опять же не стоит считать что такая таблица занимает слишком много места – все </a:t>
            </a:r>
            <a:r>
              <a:rPr lang="ru-RU" baseline="0" dirty="0" err="1" smtClean="0"/>
              <a:t>состовляющие</a:t>
            </a:r>
            <a:r>
              <a:rPr lang="ru-RU" baseline="0" dirty="0" smtClean="0"/>
              <a:t> таблицы – числа, а значит не занимают так уж много места, кроме того по </a:t>
            </a:r>
            <a:r>
              <a:rPr lang="ru-RU" baseline="0" dirty="0" err="1" smtClean="0"/>
              <a:t>эим</a:t>
            </a:r>
            <a:r>
              <a:rPr lang="ru-RU" baseline="0" dirty="0" smtClean="0"/>
              <a:t> колонкам имеет смысл построить разумный индексы, значительно ускорив доступ к таблице.</a:t>
            </a:r>
          </a:p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1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34659935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Это</a:t>
            </a:r>
            <a:r>
              <a:rPr lang="ru-RU" baseline="0" dirty="0" smtClean="0"/>
              <a:t> таблица составленная …</a:t>
            </a:r>
          </a:p>
          <a:p>
            <a:endParaRPr lang="ru-RU" baseline="0" dirty="0" smtClean="0"/>
          </a:p>
          <a:p>
            <a:endParaRPr lang="ru-RU" baseline="0" dirty="0" smtClean="0"/>
          </a:p>
          <a:p>
            <a:r>
              <a:rPr lang="ru-RU" baseline="0" dirty="0" smtClean="0"/>
              <a:t>Значения </a:t>
            </a:r>
            <a:r>
              <a:rPr lang="en-US" baseline="0" dirty="0" smtClean="0"/>
              <a:t>Hard Easy </a:t>
            </a:r>
            <a:r>
              <a:rPr lang="ru-RU" baseline="0" dirty="0" smtClean="0"/>
              <a:t>основываются в первую очередь на сложности действий, необходимых для совершения операции. Хотя надо учитывать также ваши приоритеты при решении задачи. Если выборка поддерева приоритетнее чем всё остальное, то например </a:t>
            </a:r>
            <a:r>
              <a:rPr lang="en-US" baseline="0" dirty="0" smtClean="0"/>
              <a:t>Nested Sets </a:t>
            </a:r>
            <a:r>
              <a:rPr lang="ru-RU" baseline="0" dirty="0" smtClean="0"/>
              <a:t>гораздо лучше подходит чем </a:t>
            </a:r>
            <a:r>
              <a:rPr lang="en-US" baseline="0" dirty="0" smtClean="0"/>
              <a:t>Path Enumeration</a:t>
            </a:r>
            <a:r>
              <a:rPr lang="ru-RU" baseline="0" dirty="0" smtClean="0"/>
              <a:t>, так как все операции проходят без </a:t>
            </a:r>
            <a:r>
              <a:rPr lang="ru-RU" baseline="0" dirty="0" err="1" smtClean="0"/>
              <a:t>пребразований</a:t>
            </a:r>
            <a:r>
              <a:rPr lang="ru-RU" baseline="0" dirty="0" smtClean="0"/>
              <a:t> строк.</a:t>
            </a:r>
          </a:p>
          <a:p>
            <a:endParaRPr lang="ru-RU" baseline="0" dirty="0" smtClean="0"/>
          </a:p>
          <a:p>
            <a:r>
              <a:rPr lang="ru-RU" dirty="0" smtClean="0"/>
              <a:t>Безусловно ваш выбор должен исходить из вашего конкретного случая.</a:t>
            </a:r>
          </a:p>
          <a:p>
            <a:r>
              <a:rPr lang="ru-RU" dirty="0" smtClean="0"/>
              <a:t>Если всё просто и вы знаете, что допустим</a:t>
            </a:r>
            <a:r>
              <a:rPr lang="ru-RU" baseline="0" dirty="0" smtClean="0"/>
              <a:t> максимальная глубина дереве не превысит 4-5 </a:t>
            </a:r>
            <a:r>
              <a:rPr lang="ru-RU" dirty="0" smtClean="0"/>
              <a:t>то не нужно мудрить и выбрать </a:t>
            </a:r>
            <a:r>
              <a:rPr lang="ru-RU" dirty="0" err="1" smtClean="0"/>
              <a:t>Adjacency</a:t>
            </a:r>
            <a:r>
              <a:rPr lang="ru-RU" dirty="0" smtClean="0"/>
              <a:t> </a:t>
            </a:r>
            <a:r>
              <a:rPr lang="ru-RU" dirty="0" err="1" smtClean="0"/>
              <a:t>List</a:t>
            </a:r>
            <a:r>
              <a:rPr lang="ru-RU" dirty="0" smtClean="0"/>
              <a:t> </a:t>
            </a:r>
          </a:p>
          <a:p>
            <a:r>
              <a:rPr lang="ru-RU" dirty="0" smtClean="0"/>
              <a:t>Если вам нужна</a:t>
            </a:r>
            <a:r>
              <a:rPr lang="ru-RU" baseline="0" dirty="0" smtClean="0"/>
              <a:t> быстрая выборка, не хотите использовать много места и знаете, что дерево меняет структуру не часто то вероятно </a:t>
            </a:r>
            <a:r>
              <a:rPr lang="en-US" baseline="0" dirty="0" smtClean="0"/>
              <a:t>Nested Sets </a:t>
            </a:r>
            <a:r>
              <a:rPr lang="ru-RU" baseline="0" dirty="0" smtClean="0"/>
              <a:t>– наиболее подходящая структура.</a:t>
            </a:r>
          </a:p>
          <a:p>
            <a:r>
              <a:rPr lang="ru-RU" baseline="0" dirty="0" smtClean="0"/>
              <a:t>Если 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1666992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sz="1200" dirty="0" smtClean="0"/>
              <a:t>Подробнее о паттернах хранения можно прочитать</a:t>
            </a:r>
            <a:r>
              <a:rPr lang="ru-RU" sz="1200" baseline="0" dirty="0" smtClean="0"/>
              <a:t> в следующих книгах</a:t>
            </a:r>
            <a:r>
              <a:rPr lang="en-US" sz="1200" baseline="0" dirty="0" smtClean="0"/>
              <a:t>:</a:t>
            </a:r>
            <a:endParaRPr lang="ru-RU" sz="1200" baseline="0" dirty="0" smtClean="0"/>
          </a:p>
          <a:p>
            <a:endParaRPr lang="ru-RU" sz="1200" baseline="0" dirty="0" smtClean="0"/>
          </a:p>
          <a:p>
            <a:r>
              <a:rPr lang="en-US" sz="1200" baseline="0" dirty="0" smtClean="0"/>
              <a:t>Joe </a:t>
            </a:r>
            <a:r>
              <a:rPr lang="en-US" sz="1200" baseline="0" dirty="0" err="1" smtClean="0"/>
              <a:t>Celko</a:t>
            </a:r>
            <a:r>
              <a:rPr lang="en-US" sz="1200" baseline="0" dirty="0" smtClean="0"/>
              <a:t> – </a:t>
            </a:r>
            <a:r>
              <a:rPr lang="ru-RU" sz="1200" baseline="0" dirty="0" smtClean="0"/>
              <a:t>эксперт реляционных баз данных, у него есть несколько книг о  </a:t>
            </a:r>
            <a:r>
              <a:rPr lang="en-US" sz="1200" baseline="0" dirty="0" smtClean="0"/>
              <a:t>SQL </a:t>
            </a:r>
            <a:r>
              <a:rPr lang="ru-RU" sz="1200" baseline="0" dirty="0" smtClean="0"/>
              <a:t>с описанием</a:t>
            </a:r>
            <a:r>
              <a:rPr lang="en-US" sz="1200" baseline="0" dirty="0" smtClean="0"/>
              <a:t> </a:t>
            </a:r>
            <a:r>
              <a:rPr lang="ru-RU" sz="1200" baseline="0" dirty="0" smtClean="0"/>
              <a:t>различных решений для </a:t>
            </a:r>
            <a:r>
              <a:rPr lang="en-US" sz="1200" baseline="0" dirty="0" smtClean="0"/>
              <a:t>SQL-</a:t>
            </a:r>
            <a:r>
              <a:rPr lang="ru-RU" sz="1200" baseline="0" dirty="0" smtClean="0"/>
              <a:t>систем. Одна из книг полностью посвящена хранению </a:t>
            </a:r>
            <a:r>
              <a:rPr lang="ru-RU" sz="1200" baseline="0" dirty="0" err="1" smtClean="0"/>
              <a:t>иерерхических</a:t>
            </a:r>
            <a:r>
              <a:rPr lang="ru-RU" sz="1200" baseline="0" dirty="0" smtClean="0"/>
              <a:t> структур</a:t>
            </a:r>
          </a:p>
          <a:p>
            <a:r>
              <a:rPr lang="en-US" sz="1200" baseline="0" dirty="0" smtClean="0"/>
              <a:t>Bill </a:t>
            </a:r>
            <a:r>
              <a:rPr lang="en-US" sz="1200" baseline="0" dirty="0" err="1" smtClean="0"/>
              <a:t>Karwin</a:t>
            </a:r>
            <a:r>
              <a:rPr lang="en-US" sz="1200" baseline="0" dirty="0" smtClean="0"/>
              <a:t> -  </a:t>
            </a:r>
            <a:r>
              <a:rPr lang="ru-RU" sz="1200" baseline="0" dirty="0" smtClean="0"/>
              <a:t>эксперт, автор блога о работе </a:t>
            </a:r>
            <a:r>
              <a:rPr lang="en-US" sz="1200" baseline="0" dirty="0" err="1" smtClean="0"/>
              <a:t>mysql</a:t>
            </a:r>
            <a:r>
              <a:rPr lang="en-US" sz="1200" baseline="0" dirty="0" smtClean="0"/>
              <a:t> </a:t>
            </a:r>
            <a:r>
              <a:rPr lang="ru-RU" sz="1200" baseline="0" dirty="0" smtClean="0"/>
              <a:t>под высокими нагрузками, бывший сотрудник </a:t>
            </a:r>
            <a:r>
              <a:rPr lang="en-US" sz="1200" baseline="0" dirty="0" err="1" smtClean="0"/>
              <a:t>Percona</a:t>
            </a:r>
            <a:r>
              <a:rPr lang="en-US" sz="1200" baseline="0" dirty="0" smtClean="0"/>
              <a:t>…. </a:t>
            </a:r>
            <a:r>
              <a:rPr lang="ru-RU" sz="1200" baseline="0" dirty="0" smtClean="0"/>
              <a:t>Его книга </a:t>
            </a:r>
            <a:r>
              <a:rPr lang="en-US" sz="1200" baseline="0" dirty="0" smtClean="0"/>
              <a:t>SQL </a:t>
            </a:r>
            <a:r>
              <a:rPr lang="ru-RU" sz="1200" baseline="0" dirty="0" err="1" smtClean="0"/>
              <a:t>Антипаттернс</a:t>
            </a:r>
            <a:r>
              <a:rPr lang="ru-RU" sz="1200" baseline="0" dirty="0" smtClean="0"/>
              <a:t> содержит кроме всего прочего описание всех методов, о которых я рассказал.</a:t>
            </a:r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2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7350778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5538579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6546972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1426043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И хотя есть приличное количество систем для управления иерархическими </a:t>
            </a:r>
            <a:r>
              <a:rPr lang="ru-RU" dirty="0" err="1" smtClean="0"/>
              <a:t>структарами</a:t>
            </a:r>
            <a:r>
              <a:rPr lang="ru-RU" dirty="0" smtClean="0"/>
              <a:t> типа иерархических баз данных,</a:t>
            </a:r>
          </a:p>
          <a:p>
            <a:r>
              <a:rPr lang="ru-RU" dirty="0" smtClean="0"/>
              <a:t>они не всегда </a:t>
            </a:r>
            <a:r>
              <a:rPr lang="ru-RU" dirty="0" err="1" smtClean="0"/>
              <a:t>позвляют</a:t>
            </a:r>
            <a:r>
              <a:rPr lang="ru-RU" dirty="0" smtClean="0"/>
              <a:t> использовать все возможности баз данных. Поэтому хранение </a:t>
            </a:r>
            <a:r>
              <a:rPr lang="ru-RU" dirty="0" err="1" smtClean="0"/>
              <a:t>иерерхической</a:t>
            </a:r>
            <a:r>
              <a:rPr lang="ru-RU" dirty="0" smtClean="0"/>
              <a:t> структуры в классической базе данных под управлением такой популярной </a:t>
            </a:r>
            <a:r>
              <a:rPr lang="ru-RU" dirty="0" err="1" smtClean="0"/>
              <a:t>open-source</a:t>
            </a:r>
            <a:r>
              <a:rPr lang="ru-RU" dirty="0" smtClean="0"/>
              <a:t> СУБД как MySQL представляется вполне актуальной задачей.</a:t>
            </a:r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1295909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Список</a:t>
            </a:r>
            <a:r>
              <a:rPr lang="ru-RU" baseline="0" dirty="0" smtClean="0"/>
              <a:t> смежности или список смежных вершин</a:t>
            </a:r>
          </a:p>
          <a:p>
            <a:r>
              <a:rPr lang="ru-RU" baseline="0" dirty="0" smtClean="0"/>
              <a:t>.Перечисление пути</a:t>
            </a:r>
          </a:p>
          <a:p>
            <a:r>
              <a:rPr lang="ru-RU" baseline="0" dirty="0" smtClean="0"/>
              <a:t>Вложенные множества</a:t>
            </a:r>
          </a:p>
          <a:p>
            <a:r>
              <a:rPr lang="ru-RU" baseline="0" dirty="0" smtClean="0"/>
              <a:t>Таблица замыканий</a:t>
            </a:r>
          </a:p>
          <a:p>
            <a:endParaRPr lang="ru-RU" baseline="0" dirty="0" smtClean="0"/>
          </a:p>
          <a:p>
            <a:r>
              <a:rPr lang="ru-RU" baseline="0" dirty="0" smtClean="0"/>
              <a:t>Безусловно можно найти и другие методы, я </a:t>
            </a:r>
            <a:r>
              <a:rPr lang="ru-RU" baseline="0" dirty="0" err="1" smtClean="0"/>
              <a:t>раскажу</a:t>
            </a:r>
            <a:r>
              <a:rPr lang="ru-RU" baseline="0" dirty="0" smtClean="0"/>
              <a:t> о самых базовых и наиболее удобных для применения</a:t>
            </a:r>
          </a:p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0051394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Обычно Первое что приходит в голову всем, кто хочет быстр решить эту</a:t>
            </a:r>
            <a:r>
              <a:rPr lang="ru-RU" baseline="0" dirty="0" smtClean="0"/>
              <a:t> задачу</a:t>
            </a:r>
            <a:r>
              <a:rPr lang="en-US" baseline="0" smtClean="0"/>
              <a:t>:</a:t>
            </a:r>
            <a:endParaRPr lang="ru-RU" baseline="0" dirty="0" smtClean="0"/>
          </a:p>
          <a:p>
            <a:r>
              <a:rPr lang="ru-RU" smtClean="0"/>
              <a:t>Хранить </a:t>
            </a:r>
            <a:r>
              <a:rPr lang="ru-RU" dirty="0" smtClean="0"/>
              <a:t>для каждого элемента ссылку на его родителя</a:t>
            </a:r>
          </a:p>
          <a:p>
            <a:r>
              <a:rPr lang="ru-RU" dirty="0" smtClean="0"/>
              <a:t>Обычно просто </a:t>
            </a:r>
            <a:r>
              <a:rPr lang="ru-RU" dirty="0" err="1" smtClean="0"/>
              <a:t>id</a:t>
            </a:r>
            <a:r>
              <a:rPr lang="ru-RU" dirty="0" smtClean="0"/>
              <a:t> родительского элемента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1773405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ыборка родительского узла или дочернего</a:t>
            </a:r>
            <a:r>
              <a:rPr lang="ru-RU" baseline="0" dirty="0" smtClean="0"/>
              <a:t> сводится к обычной выборке с соединением этой же таблицы.</a:t>
            </a:r>
          </a:p>
          <a:p>
            <a:r>
              <a:rPr lang="ru-RU" dirty="0" smtClean="0"/>
              <a:t>Мы</a:t>
            </a:r>
            <a:r>
              <a:rPr lang="ru-RU" baseline="0" dirty="0" smtClean="0"/>
              <a:t> не можем выбрать например все элементы поддерева, не зная глубины этого поддерева. А даже если бы знали, это значение ограничено здравым смыслом, ведь для выборки каждого следующего уровня нужно делать соединение либо дополнительный запрос. В большинстве случаев такое поведение не приемлемо.</a:t>
            </a:r>
            <a:endParaRPr lang="en-US" baseline="0" dirty="0" smtClean="0"/>
          </a:p>
          <a:p>
            <a:r>
              <a:rPr lang="ru-RU" baseline="0" dirty="0" smtClean="0"/>
              <a:t>В стандарте </a:t>
            </a:r>
            <a:r>
              <a:rPr lang="en-US" baseline="0" dirty="0" smtClean="0"/>
              <a:t>SQL-99 </a:t>
            </a:r>
            <a:r>
              <a:rPr lang="ru-RU" baseline="0" dirty="0" smtClean="0"/>
              <a:t>есть конструкции, которые позволяют совершать рекурсивные запросы к таблице, основывая на результатах предыдущей выборки, но </a:t>
            </a:r>
            <a:r>
              <a:rPr lang="en-US" baseline="0" dirty="0" smtClean="0"/>
              <a:t>MySQL </a:t>
            </a:r>
            <a:r>
              <a:rPr lang="ru-RU" baseline="0" dirty="0" smtClean="0"/>
              <a:t>этот стандарт поддерживает не полностью и этих конструкций там просто нету!</a:t>
            </a:r>
          </a:p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2234843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263" y="746125"/>
            <a:ext cx="6624637" cy="37274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Храним "путь" для каждого элемента от корня</a:t>
            </a:r>
            <a:endParaRPr lang="en-US" dirty="0" smtClean="0"/>
          </a:p>
          <a:p>
            <a:r>
              <a:rPr lang="ru-RU" dirty="0" smtClean="0"/>
              <a:t>В</a:t>
            </a:r>
            <a:r>
              <a:rPr lang="ru-RU" baseline="0" dirty="0" smtClean="0"/>
              <a:t> терминах </a:t>
            </a:r>
            <a:r>
              <a:rPr lang="en-US" baseline="0" dirty="0" err="1" smtClean="0"/>
              <a:t>mysql</a:t>
            </a:r>
            <a:r>
              <a:rPr lang="en-US" baseline="0" dirty="0" smtClean="0"/>
              <a:t> </a:t>
            </a:r>
            <a:r>
              <a:rPr lang="ru-RU" baseline="0" dirty="0" smtClean="0"/>
              <a:t>это обычно означает сохранение в строковое поле перечисления через запятую всех </a:t>
            </a:r>
            <a:r>
              <a:rPr lang="ru-RU" baseline="0" dirty="0" err="1" smtClean="0"/>
              <a:t>айдишников</a:t>
            </a:r>
            <a:r>
              <a:rPr lang="ru-RU" baseline="0" dirty="0" smtClean="0"/>
              <a:t> родительских элементов</a:t>
            </a:r>
          </a:p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837A3FE-AD5A-4DE1-9219-4B96F44D9CF9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6268819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094243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2451255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6177886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6367126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840593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9534825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6962833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3617623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4151780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8494113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6710428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ru-R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ABD1A20-5EB5-4DCC-AF3D-F5A0BCE015AA}" type="datetimeFigureOut">
              <a:rPr lang="ru-RU" smtClean="0"/>
              <a:t>06.03.2017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7977F8F-ED2C-42FD-8B00-27B4DE14686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9141019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emf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1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emf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1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1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emf"/><Relationship Id="rId3" Type="http://schemas.openxmlformats.org/officeDocument/2006/relationships/notesSlide" Target="../notesSlides/notesSlide15.xml"/><Relationship Id="rId7" Type="http://schemas.openxmlformats.org/officeDocument/2006/relationships/package" Target="../embeddings/Microsoft_Excel_Worksheet2.xlsx"/><Relationship Id="rId2" Type="http://schemas.openxmlformats.org/officeDocument/2006/relationships/slideLayout" Target="../slideLayouts/slideLayout1.xml"/><Relationship Id="rId1" Type="http://schemas.openxmlformats.org/officeDocument/2006/relationships/vmlDrawing" Target="../drawings/vmlDrawing1.vml"/><Relationship Id="rId6" Type="http://schemas.openxmlformats.org/officeDocument/2006/relationships/image" Target="../media/image8.emf"/><Relationship Id="rId5" Type="http://schemas.openxmlformats.org/officeDocument/2006/relationships/package" Target="../embeddings/Microsoft_Excel_Worksheet1.xlsx"/><Relationship Id="rId4" Type="http://schemas.openxmlformats.org/officeDocument/2006/relationships/image" Target="../media/image10.emf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1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.xml"/><Relationship Id="rId5" Type="http://schemas.microsoft.com/office/2007/relationships/hdphoto" Target="../media/hdphoto1.wdp"/><Relationship Id="rId4" Type="http://schemas.openxmlformats.org/officeDocument/2006/relationships/image" Target="../media/image2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emf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1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>
            <a:normAutofit/>
          </a:bodyPr>
          <a:lstStyle/>
          <a:p>
            <a:r>
              <a:rPr lang="ru-RU" dirty="0" smtClean="0"/>
              <a:t>БД</a:t>
            </a:r>
            <a:br>
              <a:rPr lang="ru-RU" dirty="0" smtClean="0"/>
            </a:br>
            <a:r>
              <a:rPr lang="en-US" dirty="0" smtClean="0"/>
              <a:t>6.1</a:t>
            </a:r>
            <a:endParaRPr lang="ru-RU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190926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81000" y="152400"/>
            <a:ext cx="7772400" cy="2057400"/>
          </a:xfrm>
        </p:spPr>
        <p:txBody>
          <a:bodyPr anchor="t">
            <a:normAutofit/>
          </a:bodyPr>
          <a:lstStyle/>
          <a:p>
            <a:pPr algn="l"/>
            <a:r>
              <a:rPr lang="en-US" sz="3200" b="1" dirty="0"/>
              <a:t>Path Enumeration</a:t>
            </a:r>
            <a:endParaRPr lang="ru-RU" sz="3200" b="1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04800" y="1066800"/>
            <a:ext cx="11003280" cy="4456789"/>
          </a:xfrm>
          <a:prstGeom prst="rect">
            <a:avLst/>
          </a:prstGeom>
        </p:spPr>
      </p:pic>
      <p:grpSp>
        <p:nvGrpSpPr>
          <p:cNvPr id="5" name="Group 4"/>
          <p:cNvGrpSpPr/>
          <p:nvPr/>
        </p:nvGrpSpPr>
        <p:grpSpPr>
          <a:xfrm>
            <a:off x="1398494" y="817274"/>
            <a:ext cx="9879106" cy="4749808"/>
            <a:chOff x="1398494" y="817274"/>
            <a:chExt cx="9879106" cy="4749808"/>
          </a:xfrm>
        </p:grpSpPr>
        <p:sp>
          <p:nvSpPr>
            <p:cNvPr id="4" name="Rectangle 3"/>
            <p:cNvSpPr/>
            <p:nvPr/>
          </p:nvSpPr>
          <p:spPr>
            <a:xfrm>
              <a:off x="6633448" y="4038600"/>
              <a:ext cx="4644152" cy="609600"/>
            </a:xfrm>
            <a:prstGeom prst="rect">
              <a:avLst/>
            </a:prstGeom>
            <a:noFill/>
            <a:ln w="762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3" name="Freeform 2"/>
            <p:cNvSpPr/>
            <p:nvPr/>
          </p:nvSpPr>
          <p:spPr>
            <a:xfrm>
              <a:off x="1398494" y="817274"/>
              <a:ext cx="3254188" cy="4749808"/>
            </a:xfrm>
            <a:custGeom>
              <a:avLst/>
              <a:gdLst>
                <a:gd name="connsiteX0" fmla="*/ 1192306 w 3254188"/>
                <a:gd name="connsiteY0" fmla="*/ 16444 h 4749808"/>
                <a:gd name="connsiteX1" fmla="*/ 1192306 w 3254188"/>
                <a:gd name="connsiteY1" fmla="*/ 16444 h 4749808"/>
                <a:gd name="connsiteX2" fmla="*/ 663388 w 3254188"/>
                <a:gd name="connsiteY2" fmla="*/ 16444 h 4749808"/>
                <a:gd name="connsiteX3" fmla="*/ 609600 w 3254188"/>
                <a:gd name="connsiteY3" fmla="*/ 34373 h 4749808"/>
                <a:gd name="connsiteX4" fmla="*/ 537882 w 3254188"/>
                <a:gd name="connsiteY4" fmla="*/ 61267 h 4749808"/>
                <a:gd name="connsiteX5" fmla="*/ 457200 w 3254188"/>
                <a:gd name="connsiteY5" fmla="*/ 88161 h 4749808"/>
                <a:gd name="connsiteX6" fmla="*/ 268941 w 3254188"/>
                <a:gd name="connsiteY6" fmla="*/ 141950 h 4749808"/>
                <a:gd name="connsiteX7" fmla="*/ 197224 w 3254188"/>
                <a:gd name="connsiteY7" fmla="*/ 177808 h 4749808"/>
                <a:gd name="connsiteX8" fmla="*/ 179294 w 3254188"/>
                <a:gd name="connsiteY8" fmla="*/ 195738 h 4749808"/>
                <a:gd name="connsiteX9" fmla="*/ 161365 w 3254188"/>
                <a:gd name="connsiteY9" fmla="*/ 222632 h 4749808"/>
                <a:gd name="connsiteX10" fmla="*/ 125506 w 3254188"/>
                <a:gd name="connsiteY10" fmla="*/ 231597 h 4749808"/>
                <a:gd name="connsiteX11" fmla="*/ 98612 w 3254188"/>
                <a:gd name="connsiteY11" fmla="*/ 258491 h 4749808"/>
                <a:gd name="connsiteX12" fmla="*/ 71718 w 3254188"/>
                <a:gd name="connsiteY12" fmla="*/ 276420 h 4749808"/>
                <a:gd name="connsiteX13" fmla="*/ 62753 w 3254188"/>
                <a:gd name="connsiteY13" fmla="*/ 303314 h 4749808"/>
                <a:gd name="connsiteX14" fmla="*/ 44824 w 3254188"/>
                <a:gd name="connsiteY14" fmla="*/ 321244 h 4749808"/>
                <a:gd name="connsiteX15" fmla="*/ 35859 w 3254188"/>
                <a:gd name="connsiteY15" fmla="*/ 348138 h 4749808"/>
                <a:gd name="connsiteX16" fmla="*/ 17930 w 3254188"/>
                <a:gd name="connsiteY16" fmla="*/ 392961 h 4749808"/>
                <a:gd name="connsiteX17" fmla="*/ 0 w 3254188"/>
                <a:gd name="connsiteY17" fmla="*/ 482608 h 4749808"/>
                <a:gd name="connsiteX18" fmla="*/ 17930 w 3254188"/>
                <a:gd name="connsiteY18" fmla="*/ 751550 h 4749808"/>
                <a:gd name="connsiteX19" fmla="*/ 35859 w 3254188"/>
                <a:gd name="connsiteY19" fmla="*/ 796373 h 4749808"/>
                <a:gd name="connsiteX20" fmla="*/ 62753 w 3254188"/>
                <a:gd name="connsiteY20" fmla="*/ 841197 h 4749808"/>
                <a:gd name="connsiteX21" fmla="*/ 71718 w 3254188"/>
                <a:gd name="connsiteY21" fmla="*/ 868091 h 4749808"/>
                <a:gd name="connsiteX22" fmla="*/ 80682 w 3254188"/>
                <a:gd name="connsiteY22" fmla="*/ 903950 h 4749808"/>
                <a:gd name="connsiteX23" fmla="*/ 107577 w 3254188"/>
                <a:gd name="connsiteY23" fmla="*/ 939808 h 4749808"/>
                <a:gd name="connsiteX24" fmla="*/ 116541 w 3254188"/>
                <a:gd name="connsiteY24" fmla="*/ 984632 h 4749808"/>
                <a:gd name="connsiteX25" fmla="*/ 143435 w 3254188"/>
                <a:gd name="connsiteY25" fmla="*/ 1020491 h 4749808"/>
                <a:gd name="connsiteX26" fmla="*/ 161365 w 3254188"/>
                <a:gd name="connsiteY26" fmla="*/ 1047385 h 4749808"/>
                <a:gd name="connsiteX27" fmla="*/ 215153 w 3254188"/>
                <a:gd name="connsiteY27" fmla="*/ 1128067 h 4749808"/>
                <a:gd name="connsiteX28" fmla="*/ 259977 w 3254188"/>
                <a:gd name="connsiteY28" fmla="*/ 1208750 h 4749808"/>
                <a:gd name="connsiteX29" fmla="*/ 313765 w 3254188"/>
                <a:gd name="connsiteY29" fmla="*/ 1280467 h 4749808"/>
                <a:gd name="connsiteX30" fmla="*/ 376518 w 3254188"/>
                <a:gd name="connsiteY30" fmla="*/ 1361150 h 4749808"/>
                <a:gd name="connsiteX31" fmla="*/ 421341 w 3254188"/>
                <a:gd name="connsiteY31" fmla="*/ 1414938 h 4749808"/>
                <a:gd name="connsiteX32" fmla="*/ 475130 w 3254188"/>
                <a:gd name="connsiteY32" fmla="*/ 1468726 h 4749808"/>
                <a:gd name="connsiteX33" fmla="*/ 519953 w 3254188"/>
                <a:gd name="connsiteY33" fmla="*/ 1522514 h 4749808"/>
                <a:gd name="connsiteX34" fmla="*/ 618565 w 3254188"/>
                <a:gd name="connsiteY34" fmla="*/ 1621126 h 4749808"/>
                <a:gd name="connsiteX35" fmla="*/ 663388 w 3254188"/>
                <a:gd name="connsiteY35" fmla="*/ 1674914 h 4749808"/>
                <a:gd name="connsiteX36" fmla="*/ 708212 w 3254188"/>
                <a:gd name="connsiteY36" fmla="*/ 1710773 h 4749808"/>
                <a:gd name="connsiteX37" fmla="*/ 753035 w 3254188"/>
                <a:gd name="connsiteY37" fmla="*/ 1764561 h 4749808"/>
                <a:gd name="connsiteX38" fmla="*/ 797859 w 3254188"/>
                <a:gd name="connsiteY38" fmla="*/ 1809385 h 4749808"/>
                <a:gd name="connsiteX39" fmla="*/ 887506 w 3254188"/>
                <a:gd name="connsiteY39" fmla="*/ 1916961 h 4749808"/>
                <a:gd name="connsiteX40" fmla="*/ 923365 w 3254188"/>
                <a:gd name="connsiteY40" fmla="*/ 1961785 h 4749808"/>
                <a:gd name="connsiteX41" fmla="*/ 959224 w 3254188"/>
                <a:gd name="connsiteY41" fmla="*/ 2015573 h 4749808"/>
                <a:gd name="connsiteX42" fmla="*/ 986118 w 3254188"/>
                <a:gd name="connsiteY42" fmla="*/ 2069361 h 4749808"/>
                <a:gd name="connsiteX43" fmla="*/ 1013012 w 3254188"/>
                <a:gd name="connsiteY43" fmla="*/ 2114185 h 4749808"/>
                <a:gd name="connsiteX44" fmla="*/ 1021977 w 3254188"/>
                <a:gd name="connsiteY44" fmla="*/ 2392091 h 4749808"/>
                <a:gd name="connsiteX45" fmla="*/ 995082 w 3254188"/>
                <a:gd name="connsiteY45" fmla="*/ 2454844 h 4749808"/>
                <a:gd name="connsiteX46" fmla="*/ 977153 w 3254188"/>
                <a:gd name="connsiteY46" fmla="*/ 2517597 h 4749808"/>
                <a:gd name="connsiteX47" fmla="*/ 959224 w 3254188"/>
                <a:gd name="connsiteY47" fmla="*/ 2544491 h 4749808"/>
                <a:gd name="connsiteX48" fmla="*/ 914400 w 3254188"/>
                <a:gd name="connsiteY48" fmla="*/ 2616208 h 4749808"/>
                <a:gd name="connsiteX49" fmla="*/ 887506 w 3254188"/>
                <a:gd name="connsiteY49" fmla="*/ 2669997 h 4749808"/>
                <a:gd name="connsiteX50" fmla="*/ 842682 w 3254188"/>
                <a:gd name="connsiteY50" fmla="*/ 2741714 h 4749808"/>
                <a:gd name="connsiteX51" fmla="*/ 833718 w 3254188"/>
                <a:gd name="connsiteY51" fmla="*/ 2768608 h 4749808"/>
                <a:gd name="connsiteX52" fmla="*/ 788894 w 3254188"/>
                <a:gd name="connsiteY52" fmla="*/ 2840326 h 4749808"/>
                <a:gd name="connsiteX53" fmla="*/ 726141 w 3254188"/>
                <a:gd name="connsiteY53" fmla="*/ 2938938 h 4749808"/>
                <a:gd name="connsiteX54" fmla="*/ 717177 w 3254188"/>
                <a:gd name="connsiteY54" fmla="*/ 2974797 h 4749808"/>
                <a:gd name="connsiteX55" fmla="*/ 681318 w 3254188"/>
                <a:gd name="connsiteY55" fmla="*/ 3019620 h 4749808"/>
                <a:gd name="connsiteX56" fmla="*/ 663388 w 3254188"/>
                <a:gd name="connsiteY56" fmla="*/ 3046514 h 4749808"/>
                <a:gd name="connsiteX57" fmla="*/ 618565 w 3254188"/>
                <a:gd name="connsiteY57" fmla="*/ 3091338 h 4749808"/>
                <a:gd name="connsiteX58" fmla="*/ 573741 w 3254188"/>
                <a:gd name="connsiteY58" fmla="*/ 3154091 h 4749808"/>
                <a:gd name="connsiteX59" fmla="*/ 466165 w 3254188"/>
                <a:gd name="connsiteY59" fmla="*/ 3261667 h 4749808"/>
                <a:gd name="connsiteX60" fmla="*/ 421341 w 3254188"/>
                <a:gd name="connsiteY60" fmla="*/ 3306491 h 4749808"/>
                <a:gd name="connsiteX61" fmla="*/ 349624 w 3254188"/>
                <a:gd name="connsiteY61" fmla="*/ 3360279 h 4749808"/>
                <a:gd name="connsiteX62" fmla="*/ 313765 w 3254188"/>
                <a:gd name="connsiteY62" fmla="*/ 3405102 h 4749808"/>
                <a:gd name="connsiteX63" fmla="*/ 286871 w 3254188"/>
                <a:gd name="connsiteY63" fmla="*/ 3449926 h 4749808"/>
                <a:gd name="connsiteX64" fmla="*/ 242047 w 3254188"/>
                <a:gd name="connsiteY64" fmla="*/ 3494750 h 4749808"/>
                <a:gd name="connsiteX65" fmla="*/ 224118 w 3254188"/>
                <a:gd name="connsiteY65" fmla="*/ 3539573 h 4749808"/>
                <a:gd name="connsiteX66" fmla="*/ 206188 w 3254188"/>
                <a:gd name="connsiteY66" fmla="*/ 3566467 h 4749808"/>
                <a:gd name="connsiteX67" fmla="*/ 152400 w 3254188"/>
                <a:gd name="connsiteY67" fmla="*/ 3656114 h 4749808"/>
                <a:gd name="connsiteX68" fmla="*/ 116541 w 3254188"/>
                <a:gd name="connsiteY68" fmla="*/ 3736797 h 4749808"/>
                <a:gd name="connsiteX69" fmla="*/ 89647 w 3254188"/>
                <a:gd name="connsiteY69" fmla="*/ 3808514 h 4749808"/>
                <a:gd name="connsiteX70" fmla="*/ 107577 w 3254188"/>
                <a:gd name="connsiteY70" fmla="*/ 4337432 h 4749808"/>
                <a:gd name="connsiteX71" fmla="*/ 116541 w 3254188"/>
                <a:gd name="connsiteY71" fmla="*/ 4364326 h 4749808"/>
                <a:gd name="connsiteX72" fmla="*/ 206188 w 3254188"/>
                <a:gd name="connsiteY72" fmla="*/ 4445008 h 4749808"/>
                <a:gd name="connsiteX73" fmla="*/ 224118 w 3254188"/>
                <a:gd name="connsiteY73" fmla="*/ 4462938 h 4749808"/>
                <a:gd name="connsiteX74" fmla="*/ 277906 w 3254188"/>
                <a:gd name="connsiteY74" fmla="*/ 4489832 h 4749808"/>
                <a:gd name="connsiteX75" fmla="*/ 349624 w 3254188"/>
                <a:gd name="connsiteY75" fmla="*/ 4525691 h 4749808"/>
                <a:gd name="connsiteX76" fmla="*/ 376518 w 3254188"/>
                <a:gd name="connsiteY76" fmla="*/ 4543620 h 4749808"/>
                <a:gd name="connsiteX77" fmla="*/ 412377 w 3254188"/>
                <a:gd name="connsiteY77" fmla="*/ 4561550 h 4749808"/>
                <a:gd name="connsiteX78" fmla="*/ 466165 w 3254188"/>
                <a:gd name="connsiteY78" fmla="*/ 4579479 h 4749808"/>
                <a:gd name="connsiteX79" fmla="*/ 493059 w 3254188"/>
                <a:gd name="connsiteY79" fmla="*/ 4588444 h 4749808"/>
                <a:gd name="connsiteX80" fmla="*/ 519953 w 3254188"/>
                <a:gd name="connsiteY80" fmla="*/ 4597408 h 4749808"/>
                <a:gd name="connsiteX81" fmla="*/ 546847 w 3254188"/>
                <a:gd name="connsiteY81" fmla="*/ 4615338 h 4749808"/>
                <a:gd name="connsiteX82" fmla="*/ 609600 w 3254188"/>
                <a:gd name="connsiteY82" fmla="*/ 4624302 h 4749808"/>
                <a:gd name="connsiteX83" fmla="*/ 645459 w 3254188"/>
                <a:gd name="connsiteY83" fmla="*/ 4633267 h 4749808"/>
                <a:gd name="connsiteX84" fmla="*/ 699247 w 3254188"/>
                <a:gd name="connsiteY84" fmla="*/ 4651197 h 4749808"/>
                <a:gd name="connsiteX85" fmla="*/ 779930 w 3254188"/>
                <a:gd name="connsiteY85" fmla="*/ 4669126 h 4749808"/>
                <a:gd name="connsiteX86" fmla="*/ 851647 w 3254188"/>
                <a:gd name="connsiteY86" fmla="*/ 4687055 h 4749808"/>
                <a:gd name="connsiteX87" fmla="*/ 878541 w 3254188"/>
                <a:gd name="connsiteY87" fmla="*/ 4696020 h 4749808"/>
                <a:gd name="connsiteX88" fmla="*/ 968188 w 3254188"/>
                <a:gd name="connsiteY88" fmla="*/ 4704985 h 4749808"/>
                <a:gd name="connsiteX89" fmla="*/ 1084730 w 3254188"/>
                <a:gd name="connsiteY89" fmla="*/ 4722914 h 4749808"/>
                <a:gd name="connsiteX90" fmla="*/ 1129553 w 3254188"/>
                <a:gd name="connsiteY90" fmla="*/ 4731879 h 4749808"/>
                <a:gd name="connsiteX91" fmla="*/ 1255059 w 3254188"/>
                <a:gd name="connsiteY91" fmla="*/ 4749808 h 4749808"/>
                <a:gd name="connsiteX92" fmla="*/ 1479177 w 3254188"/>
                <a:gd name="connsiteY92" fmla="*/ 4740844 h 4749808"/>
                <a:gd name="connsiteX93" fmla="*/ 1515035 w 3254188"/>
                <a:gd name="connsiteY93" fmla="*/ 4722914 h 4749808"/>
                <a:gd name="connsiteX94" fmla="*/ 1613647 w 3254188"/>
                <a:gd name="connsiteY94" fmla="*/ 4678091 h 4749808"/>
                <a:gd name="connsiteX95" fmla="*/ 1676400 w 3254188"/>
                <a:gd name="connsiteY95" fmla="*/ 4606373 h 4749808"/>
                <a:gd name="connsiteX96" fmla="*/ 1712259 w 3254188"/>
                <a:gd name="connsiteY96" fmla="*/ 4579479 h 4749808"/>
                <a:gd name="connsiteX97" fmla="*/ 1792941 w 3254188"/>
                <a:gd name="connsiteY97" fmla="*/ 4480867 h 4749808"/>
                <a:gd name="connsiteX98" fmla="*/ 1810871 w 3254188"/>
                <a:gd name="connsiteY98" fmla="*/ 4462938 h 4749808"/>
                <a:gd name="connsiteX99" fmla="*/ 1900518 w 3254188"/>
                <a:gd name="connsiteY99" fmla="*/ 4382255 h 4749808"/>
                <a:gd name="connsiteX100" fmla="*/ 1927412 w 3254188"/>
                <a:gd name="connsiteY100" fmla="*/ 4337432 h 4749808"/>
                <a:gd name="connsiteX101" fmla="*/ 1945341 w 3254188"/>
                <a:gd name="connsiteY101" fmla="*/ 4319502 h 4749808"/>
                <a:gd name="connsiteX102" fmla="*/ 1999130 w 3254188"/>
                <a:gd name="connsiteY102" fmla="*/ 4238820 h 4749808"/>
                <a:gd name="connsiteX103" fmla="*/ 2034988 w 3254188"/>
                <a:gd name="connsiteY103" fmla="*/ 4185032 h 4749808"/>
                <a:gd name="connsiteX104" fmla="*/ 2133600 w 3254188"/>
                <a:gd name="connsiteY104" fmla="*/ 4059526 h 4749808"/>
                <a:gd name="connsiteX105" fmla="*/ 2169459 w 3254188"/>
                <a:gd name="connsiteY105" fmla="*/ 4014702 h 4749808"/>
                <a:gd name="connsiteX106" fmla="*/ 2196353 w 3254188"/>
                <a:gd name="connsiteY106" fmla="*/ 3969879 h 4749808"/>
                <a:gd name="connsiteX107" fmla="*/ 2241177 w 3254188"/>
                <a:gd name="connsiteY107" fmla="*/ 3907126 h 4749808"/>
                <a:gd name="connsiteX108" fmla="*/ 2268071 w 3254188"/>
                <a:gd name="connsiteY108" fmla="*/ 3862302 h 4749808"/>
                <a:gd name="connsiteX109" fmla="*/ 2321859 w 3254188"/>
                <a:gd name="connsiteY109" fmla="*/ 3808514 h 4749808"/>
                <a:gd name="connsiteX110" fmla="*/ 2402541 w 3254188"/>
                <a:gd name="connsiteY110" fmla="*/ 3709902 h 4749808"/>
                <a:gd name="connsiteX111" fmla="*/ 2474259 w 3254188"/>
                <a:gd name="connsiteY111" fmla="*/ 3629220 h 4749808"/>
                <a:gd name="connsiteX112" fmla="*/ 2572871 w 3254188"/>
                <a:gd name="connsiteY112" fmla="*/ 3485785 h 4749808"/>
                <a:gd name="connsiteX113" fmla="*/ 2671482 w 3254188"/>
                <a:gd name="connsiteY113" fmla="*/ 3396138 h 4749808"/>
                <a:gd name="connsiteX114" fmla="*/ 2725271 w 3254188"/>
                <a:gd name="connsiteY114" fmla="*/ 3315455 h 4749808"/>
                <a:gd name="connsiteX115" fmla="*/ 2788024 w 3254188"/>
                <a:gd name="connsiteY115" fmla="*/ 3252702 h 4749808"/>
                <a:gd name="connsiteX116" fmla="*/ 2823882 w 3254188"/>
                <a:gd name="connsiteY116" fmla="*/ 3216844 h 4749808"/>
                <a:gd name="connsiteX117" fmla="*/ 2859741 w 3254188"/>
                <a:gd name="connsiteY117" fmla="*/ 3172020 h 4749808"/>
                <a:gd name="connsiteX118" fmla="*/ 2940424 w 3254188"/>
                <a:gd name="connsiteY118" fmla="*/ 3118232 h 4749808"/>
                <a:gd name="connsiteX119" fmla="*/ 2958353 w 3254188"/>
                <a:gd name="connsiteY119" fmla="*/ 3100302 h 4749808"/>
                <a:gd name="connsiteX120" fmla="*/ 2994212 w 3254188"/>
                <a:gd name="connsiteY120" fmla="*/ 3073408 h 4749808"/>
                <a:gd name="connsiteX121" fmla="*/ 3030071 w 3254188"/>
                <a:gd name="connsiteY121" fmla="*/ 3028585 h 4749808"/>
                <a:gd name="connsiteX122" fmla="*/ 3092824 w 3254188"/>
                <a:gd name="connsiteY122" fmla="*/ 2956867 h 4749808"/>
                <a:gd name="connsiteX123" fmla="*/ 3101788 w 3254188"/>
                <a:gd name="connsiteY123" fmla="*/ 2921008 h 4749808"/>
                <a:gd name="connsiteX124" fmla="*/ 3119718 w 3254188"/>
                <a:gd name="connsiteY124" fmla="*/ 2885150 h 4749808"/>
                <a:gd name="connsiteX125" fmla="*/ 3128682 w 3254188"/>
                <a:gd name="connsiteY125" fmla="*/ 2822397 h 4749808"/>
                <a:gd name="connsiteX126" fmla="*/ 3146612 w 3254188"/>
                <a:gd name="connsiteY126" fmla="*/ 2795502 h 4749808"/>
                <a:gd name="connsiteX127" fmla="*/ 3164541 w 3254188"/>
                <a:gd name="connsiteY127" fmla="*/ 2750679 h 4749808"/>
                <a:gd name="connsiteX128" fmla="*/ 3191435 w 3254188"/>
                <a:gd name="connsiteY128" fmla="*/ 2652067 h 4749808"/>
                <a:gd name="connsiteX129" fmla="*/ 3254188 w 3254188"/>
                <a:gd name="connsiteY129" fmla="*/ 2454844 h 4749808"/>
                <a:gd name="connsiteX130" fmla="*/ 3245224 w 3254188"/>
                <a:gd name="connsiteY130" fmla="*/ 2042467 h 4749808"/>
                <a:gd name="connsiteX131" fmla="*/ 3200400 w 3254188"/>
                <a:gd name="connsiteY131" fmla="*/ 1916961 h 4749808"/>
                <a:gd name="connsiteX132" fmla="*/ 3012141 w 3254188"/>
                <a:gd name="connsiteY132" fmla="*/ 1441832 h 4749808"/>
                <a:gd name="connsiteX133" fmla="*/ 2770094 w 3254188"/>
                <a:gd name="connsiteY133" fmla="*/ 1092208 h 4749808"/>
                <a:gd name="connsiteX134" fmla="*/ 2671482 w 3254188"/>
                <a:gd name="connsiteY134" fmla="*/ 975667 h 4749808"/>
                <a:gd name="connsiteX135" fmla="*/ 2590800 w 3254188"/>
                <a:gd name="connsiteY135" fmla="*/ 868091 h 4749808"/>
                <a:gd name="connsiteX136" fmla="*/ 2519082 w 3254188"/>
                <a:gd name="connsiteY136" fmla="*/ 787408 h 4749808"/>
                <a:gd name="connsiteX137" fmla="*/ 2456330 w 3254188"/>
                <a:gd name="connsiteY137" fmla="*/ 706726 h 4749808"/>
                <a:gd name="connsiteX138" fmla="*/ 2259106 w 3254188"/>
                <a:gd name="connsiteY138" fmla="*/ 518467 h 4749808"/>
                <a:gd name="connsiteX139" fmla="*/ 2178424 w 3254188"/>
                <a:gd name="connsiteY139" fmla="*/ 437785 h 4749808"/>
                <a:gd name="connsiteX140" fmla="*/ 2097741 w 3254188"/>
                <a:gd name="connsiteY140" fmla="*/ 375032 h 4749808"/>
                <a:gd name="connsiteX141" fmla="*/ 1963271 w 3254188"/>
                <a:gd name="connsiteY141" fmla="*/ 240561 h 4749808"/>
                <a:gd name="connsiteX142" fmla="*/ 1810871 w 3254188"/>
                <a:gd name="connsiteY142" fmla="*/ 141950 h 4749808"/>
                <a:gd name="connsiteX143" fmla="*/ 1766047 w 3254188"/>
                <a:gd name="connsiteY143" fmla="*/ 132985 h 4749808"/>
                <a:gd name="connsiteX144" fmla="*/ 1694330 w 3254188"/>
                <a:gd name="connsiteY144" fmla="*/ 115055 h 4749808"/>
                <a:gd name="connsiteX145" fmla="*/ 1667435 w 3254188"/>
                <a:gd name="connsiteY145" fmla="*/ 97126 h 4749808"/>
                <a:gd name="connsiteX146" fmla="*/ 1281953 w 3254188"/>
                <a:gd name="connsiteY146" fmla="*/ 79197 h 4749808"/>
                <a:gd name="connsiteX147" fmla="*/ 1246094 w 3254188"/>
                <a:gd name="connsiteY147" fmla="*/ 61267 h 4749808"/>
                <a:gd name="connsiteX148" fmla="*/ 1219200 w 3254188"/>
                <a:gd name="connsiteY148" fmla="*/ 43338 h 4749808"/>
                <a:gd name="connsiteX149" fmla="*/ 1165412 w 3254188"/>
                <a:gd name="connsiteY149" fmla="*/ 25408 h 4749808"/>
                <a:gd name="connsiteX150" fmla="*/ 1192306 w 3254188"/>
                <a:gd name="connsiteY150" fmla="*/ 16444 h 474980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  <a:cxn ang="0">
                  <a:pos x="connsiteX45" y="connsiteY45"/>
                </a:cxn>
                <a:cxn ang="0">
                  <a:pos x="connsiteX46" y="connsiteY46"/>
                </a:cxn>
                <a:cxn ang="0">
                  <a:pos x="connsiteX47" y="connsiteY47"/>
                </a:cxn>
                <a:cxn ang="0">
                  <a:pos x="connsiteX48" y="connsiteY48"/>
                </a:cxn>
                <a:cxn ang="0">
                  <a:pos x="connsiteX49" y="connsiteY49"/>
                </a:cxn>
                <a:cxn ang="0">
                  <a:pos x="connsiteX50" y="connsiteY50"/>
                </a:cxn>
                <a:cxn ang="0">
                  <a:pos x="connsiteX51" y="connsiteY51"/>
                </a:cxn>
                <a:cxn ang="0">
                  <a:pos x="connsiteX52" y="connsiteY52"/>
                </a:cxn>
                <a:cxn ang="0">
                  <a:pos x="connsiteX53" y="connsiteY53"/>
                </a:cxn>
                <a:cxn ang="0">
                  <a:pos x="connsiteX54" y="connsiteY54"/>
                </a:cxn>
                <a:cxn ang="0">
                  <a:pos x="connsiteX55" y="connsiteY55"/>
                </a:cxn>
                <a:cxn ang="0">
                  <a:pos x="connsiteX56" y="connsiteY56"/>
                </a:cxn>
                <a:cxn ang="0">
                  <a:pos x="connsiteX57" y="connsiteY57"/>
                </a:cxn>
                <a:cxn ang="0">
                  <a:pos x="connsiteX58" y="connsiteY58"/>
                </a:cxn>
                <a:cxn ang="0">
                  <a:pos x="connsiteX59" y="connsiteY59"/>
                </a:cxn>
                <a:cxn ang="0">
                  <a:pos x="connsiteX60" y="connsiteY60"/>
                </a:cxn>
                <a:cxn ang="0">
                  <a:pos x="connsiteX61" y="connsiteY61"/>
                </a:cxn>
                <a:cxn ang="0">
                  <a:pos x="connsiteX62" y="connsiteY62"/>
                </a:cxn>
                <a:cxn ang="0">
                  <a:pos x="connsiteX63" y="connsiteY63"/>
                </a:cxn>
                <a:cxn ang="0">
                  <a:pos x="connsiteX64" y="connsiteY64"/>
                </a:cxn>
                <a:cxn ang="0">
                  <a:pos x="connsiteX65" y="connsiteY65"/>
                </a:cxn>
                <a:cxn ang="0">
                  <a:pos x="connsiteX66" y="connsiteY66"/>
                </a:cxn>
                <a:cxn ang="0">
                  <a:pos x="connsiteX67" y="connsiteY67"/>
                </a:cxn>
                <a:cxn ang="0">
                  <a:pos x="connsiteX68" y="connsiteY68"/>
                </a:cxn>
                <a:cxn ang="0">
                  <a:pos x="connsiteX69" y="connsiteY69"/>
                </a:cxn>
                <a:cxn ang="0">
                  <a:pos x="connsiteX70" y="connsiteY70"/>
                </a:cxn>
                <a:cxn ang="0">
                  <a:pos x="connsiteX71" y="connsiteY71"/>
                </a:cxn>
                <a:cxn ang="0">
                  <a:pos x="connsiteX72" y="connsiteY72"/>
                </a:cxn>
                <a:cxn ang="0">
                  <a:pos x="connsiteX73" y="connsiteY73"/>
                </a:cxn>
                <a:cxn ang="0">
                  <a:pos x="connsiteX74" y="connsiteY74"/>
                </a:cxn>
                <a:cxn ang="0">
                  <a:pos x="connsiteX75" y="connsiteY75"/>
                </a:cxn>
                <a:cxn ang="0">
                  <a:pos x="connsiteX76" y="connsiteY76"/>
                </a:cxn>
                <a:cxn ang="0">
                  <a:pos x="connsiteX77" y="connsiteY77"/>
                </a:cxn>
                <a:cxn ang="0">
                  <a:pos x="connsiteX78" y="connsiteY78"/>
                </a:cxn>
                <a:cxn ang="0">
                  <a:pos x="connsiteX79" y="connsiteY79"/>
                </a:cxn>
                <a:cxn ang="0">
                  <a:pos x="connsiteX80" y="connsiteY80"/>
                </a:cxn>
                <a:cxn ang="0">
                  <a:pos x="connsiteX81" y="connsiteY81"/>
                </a:cxn>
                <a:cxn ang="0">
                  <a:pos x="connsiteX82" y="connsiteY82"/>
                </a:cxn>
                <a:cxn ang="0">
                  <a:pos x="connsiteX83" y="connsiteY83"/>
                </a:cxn>
                <a:cxn ang="0">
                  <a:pos x="connsiteX84" y="connsiteY84"/>
                </a:cxn>
                <a:cxn ang="0">
                  <a:pos x="connsiteX85" y="connsiteY85"/>
                </a:cxn>
                <a:cxn ang="0">
                  <a:pos x="connsiteX86" y="connsiteY86"/>
                </a:cxn>
                <a:cxn ang="0">
                  <a:pos x="connsiteX87" y="connsiteY87"/>
                </a:cxn>
                <a:cxn ang="0">
                  <a:pos x="connsiteX88" y="connsiteY88"/>
                </a:cxn>
                <a:cxn ang="0">
                  <a:pos x="connsiteX89" y="connsiteY89"/>
                </a:cxn>
                <a:cxn ang="0">
                  <a:pos x="connsiteX90" y="connsiteY90"/>
                </a:cxn>
                <a:cxn ang="0">
                  <a:pos x="connsiteX91" y="connsiteY91"/>
                </a:cxn>
                <a:cxn ang="0">
                  <a:pos x="connsiteX92" y="connsiteY92"/>
                </a:cxn>
                <a:cxn ang="0">
                  <a:pos x="connsiteX93" y="connsiteY93"/>
                </a:cxn>
                <a:cxn ang="0">
                  <a:pos x="connsiteX94" y="connsiteY94"/>
                </a:cxn>
                <a:cxn ang="0">
                  <a:pos x="connsiteX95" y="connsiteY95"/>
                </a:cxn>
                <a:cxn ang="0">
                  <a:pos x="connsiteX96" y="connsiteY96"/>
                </a:cxn>
                <a:cxn ang="0">
                  <a:pos x="connsiteX97" y="connsiteY97"/>
                </a:cxn>
                <a:cxn ang="0">
                  <a:pos x="connsiteX98" y="connsiteY98"/>
                </a:cxn>
                <a:cxn ang="0">
                  <a:pos x="connsiteX99" y="connsiteY99"/>
                </a:cxn>
                <a:cxn ang="0">
                  <a:pos x="connsiteX100" y="connsiteY100"/>
                </a:cxn>
                <a:cxn ang="0">
                  <a:pos x="connsiteX101" y="connsiteY101"/>
                </a:cxn>
                <a:cxn ang="0">
                  <a:pos x="connsiteX102" y="connsiteY102"/>
                </a:cxn>
                <a:cxn ang="0">
                  <a:pos x="connsiteX103" y="connsiteY103"/>
                </a:cxn>
                <a:cxn ang="0">
                  <a:pos x="connsiteX104" y="connsiteY104"/>
                </a:cxn>
                <a:cxn ang="0">
                  <a:pos x="connsiteX105" y="connsiteY105"/>
                </a:cxn>
                <a:cxn ang="0">
                  <a:pos x="connsiteX106" y="connsiteY106"/>
                </a:cxn>
                <a:cxn ang="0">
                  <a:pos x="connsiteX107" y="connsiteY107"/>
                </a:cxn>
                <a:cxn ang="0">
                  <a:pos x="connsiteX108" y="connsiteY108"/>
                </a:cxn>
                <a:cxn ang="0">
                  <a:pos x="connsiteX109" y="connsiteY109"/>
                </a:cxn>
                <a:cxn ang="0">
                  <a:pos x="connsiteX110" y="connsiteY110"/>
                </a:cxn>
                <a:cxn ang="0">
                  <a:pos x="connsiteX111" y="connsiteY111"/>
                </a:cxn>
                <a:cxn ang="0">
                  <a:pos x="connsiteX112" y="connsiteY112"/>
                </a:cxn>
                <a:cxn ang="0">
                  <a:pos x="connsiteX113" y="connsiteY113"/>
                </a:cxn>
                <a:cxn ang="0">
                  <a:pos x="connsiteX114" y="connsiteY114"/>
                </a:cxn>
                <a:cxn ang="0">
                  <a:pos x="connsiteX115" y="connsiteY115"/>
                </a:cxn>
                <a:cxn ang="0">
                  <a:pos x="connsiteX116" y="connsiteY116"/>
                </a:cxn>
                <a:cxn ang="0">
                  <a:pos x="connsiteX117" y="connsiteY117"/>
                </a:cxn>
                <a:cxn ang="0">
                  <a:pos x="connsiteX118" y="connsiteY118"/>
                </a:cxn>
                <a:cxn ang="0">
                  <a:pos x="connsiteX119" y="connsiteY119"/>
                </a:cxn>
                <a:cxn ang="0">
                  <a:pos x="connsiteX120" y="connsiteY120"/>
                </a:cxn>
                <a:cxn ang="0">
                  <a:pos x="connsiteX121" y="connsiteY121"/>
                </a:cxn>
                <a:cxn ang="0">
                  <a:pos x="connsiteX122" y="connsiteY122"/>
                </a:cxn>
                <a:cxn ang="0">
                  <a:pos x="connsiteX123" y="connsiteY123"/>
                </a:cxn>
                <a:cxn ang="0">
                  <a:pos x="connsiteX124" y="connsiteY124"/>
                </a:cxn>
                <a:cxn ang="0">
                  <a:pos x="connsiteX125" y="connsiteY125"/>
                </a:cxn>
                <a:cxn ang="0">
                  <a:pos x="connsiteX126" y="connsiteY126"/>
                </a:cxn>
                <a:cxn ang="0">
                  <a:pos x="connsiteX127" y="connsiteY127"/>
                </a:cxn>
                <a:cxn ang="0">
                  <a:pos x="connsiteX128" y="connsiteY128"/>
                </a:cxn>
                <a:cxn ang="0">
                  <a:pos x="connsiteX129" y="connsiteY129"/>
                </a:cxn>
                <a:cxn ang="0">
                  <a:pos x="connsiteX130" y="connsiteY130"/>
                </a:cxn>
                <a:cxn ang="0">
                  <a:pos x="connsiteX131" y="connsiteY131"/>
                </a:cxn>
                <a:cxn ang="0">
                  <a:pos x="connsiteX132" y="connsiteY132"/>
                </a:cxn>
                <a:cxn ang="0">
                  <a:pos x="connsiteX133" y="connsiteY133"/>
                </a:cxn>
                <a:cxn ang="0">
                  <a:pos x="connsiteX134" y="connsiteY134"/>
                </a:cxn>
                <a:cxn ang="0">
                  <a:pos x="connsiteX135" y="connsiteY135"/>
                </a:cxn>
                <a:cxn ang="0">
                  <a:pos x="connsiteX136" y="connsiteY136"/>
                </a:cxn>
                <a:cxn ang="0">
                  <a:pos x="connsiteX137" y="connsiteY137"/>
                </a:cxn>
                <a:cxn ang="0">
                  <a:pos x="connsiteX138" y="connsiteY138"/>
                </a:cxn>
                <a:cxn ang="0">
                  <a:pos x="connsiteX139" y="connsiteY139"/>
                </a:cxn>
                <a:cxn ang="0">
                  <a:pos x="connsiteX140" y="connsiteY140"/>
                </a:cxn>
                <a:cxn ang="0">
                  <a:pos x="connsiteX141" y="connsiteY141"/>
                </a:cxn>
                <a:cxn ang="0">
                  <a:pos x="connsiteX142" y="connsiteY142"/>
                </a:cxn>
                <a:cxn ang="0">
                  <a:pos x="connsiteX143" y="connsiteY143"/>
                </a:cxn>
                <a:cxn ang="0">
                  <a:pos x="connsiteX144" y="connsiteY144"/>
                </a:cxn>
                <a:cxn ang="0">
                  <a:pos x="connsiteX145" y="connsiteY145"/>
                </a:cxn>
                <a:cxn ang="0">
                  <a:pos x="connsiteX146" y="connsiteY146"/>
                </a:cxn>
                <a:cxn ang="0">
                  <a:pos x="connsiteX147" y="connsiteY147"/>
                </a:cxn>
                <a:cxn ang="0">
                  <a:pos x="connsiteX148" y="connsiteY148"/>
                </a:cxn>
                <a:cxn ang="0">
                  <a:pos x="connsiteX149" y="connsiteY149"/>
                </a:cxn>
                <a:cxn ang="0">
                  <a:pos x="connsiteX150" y="connsiteY150"/>
                </a:cxn>
              </a:cxnLst>
              <a:rect l="l" t="t" r="r" b="b"/>
              <a:pathLst>
                <a:path w="3254188" h="4749808">
                  <a:moveTo>
                    <a:pt x="1192306" y="16444"/>
                  </a:moveTo>
                  <a:lnTo>
                    <a:pt x="1192306" y="16444"/>
                  </a:lnTo>
                  <a:cubicBezTo>
                    <a:pt x="980639" y="-7075"/>
                    <a:pt x="1041793" y="-3828"/>
                    <a:pt x="663388" y="16444"/>
                  </a:cubicBezTo>
                  <a:cubicBezTo>
                    <a:pt x="644516" y="17455"/>
                    <a:pt x="627398" y="28017"/>
                    <a:pt x="609600" y="34373"/>
                  </a:cubicBezTo>
                  <a:cubicBezTo>
                    <a:pt x="585556" y="42960"/>
                    <a:pt x="561958" y="52770"/>
                    <a:pt x="537882" y="61267"/>
                  </a:cubicBezTo>
                  <a:cubicBezTo>
                    <a:pt x="511149" y="70702"/>
                    <a:pt x="484515" y="80574"/>
                    <a:pt x="457200" y="88161"/>
                  </a:cubicBezTo>
                  <a:cubicBezTo>
                    <a:pt x="339333" y="120902"/>
                    <a:pt x="403047" y="88308"/>
                    <a:pt x="268941" y="141950"/>
                  </a:cubicBezTo>
                  <a:cubicBezTo>
                    <a:pt x="234171" y="155858"/>
                    <a:pt x="224079" y="156324"/>
                    <a:pt x="197224" y="177808"/>
                  </a:cubicBezTo>
                  <a:cubicBezTo>
                    <a:pt x="190624" y="183088"/>
                    <a:pt x="184574" y="189138"/>
                    <a:pt x="179294" y="195738"/>
                  </a:cubicBezTo>
                  <a:cubicBezTo>
                    <a:pt x="172563" y="204151"/>
                    <a:pt x="170330" y="216656"/>
                    <a:pt x="161365" y="222632"/>
                  </a:cubicBezTo>
                  <a:cubicBezTo>
                    <a:pt x="151113" y="229466"/>
                    <a:pt x="137459" y="228609"/>
                    <a:pt x="125506" y="231597"/>
                  </a:cubicBezTo>
                  <a:cubicBezTo>
                    <a:pt x="116541" y="240562"/>
                    <a:pt x="108352" y="250375"/>
                    <a:pt x="98612" y="258491"/>
                  </a:cubicBezTo>
                  <a:cubicBezTo>
                    <a:pt x="90335" y="265388"/>
                    <a:pt x="78449" y="268007"/>
                    <a:pt x="71718" y="276420"/>
                  </a:cubicBezTo>
                  <a:cubicBezTo>
                    <a:pt x="65815" y="283799"/>
                    <a:pt x="67615" y="295211"/>
                    <a:pt x="62753" y="303314"/>
                  </a:cubicBezTo>
                  <a:cubicBezTo>
                    <a:pt x="58405" y="310562"/>
                    <a:pt x="50800" y="315267"/>
                    <a:pt x="44824" y="321244"/>
                  </a:cubicBezTo>
                  <a:cubicBezTo>
                    <a:pt x="41836" y="330209"/>
                    <a:pt x="39177" y="339290"/>
                    <a:pt x="35859" y="348138"/>
                  </a:cubicBezTo>
                  <a:cubicBezTo>
                    <a:pt x="30209" y="363205"/>
                    <a:pt x="22076" y="377412"/>
                    <a:pt x="17930" y="392961"/>
                  </a:cubicBezTo>
                  <a:cubicBezTo>
                    <a:pt x="10078" y="422406"/>
                    <a:pt x="0" y="482608"/>
                    <a:pt x="0" y="482608"/>
                  </a:cubicBezTo>
                  <a:cubicBezTo>
                    <a:pt x="656" y="499009"/>
                    <a:pt x="-3881" y="678848"/>
                    <a:pt x="17930" y="751550"/>
                  </a:cubicBezTo>
                  <a:cubicBezTo>
                    <a:pt x="22554" y="766963"/>
                    <a:pt x="30209" y="781306"/>
                    <a:pt x="35859" y="796373"/>
                  </a:cubicBezTo>
                  <a:cubicBezTo>
                    <a:pt x="49824" y="833612"/>
                    <a:pt x="36061" y="814503"/>
                    <a:pt x="62753" y="841197"/>
                  </a:cubicBezTo>
                  <a:cubicBezTo>
                    <a:pt x="65741" y="850162"/>
                    <a:pt x="69122" y="859005"/>
                    <a:pt x="71718" y="868091"/>
                  </a:cubicBezTo>
                  <a:cubicBezTo>
                    <a:pt x="75103" y="879938"/>
                    <a:pt x="75172" y="892930"/>
                    <a:pt x="80682" y="903950"/>
                  </a:cubicBezTo>
                  <a:cubicBezTo>
                    <a:pt x="87364" y="917314"/>
                    <a:pt x="98612" y="927855"/>
                    <a:pt x="107577" y="939808"/>
                  </a:cubicBezTo>
                  <a:cubicBezTo>
                    <a:pt x="110565" y="954749"/>
                    <a:pt x="110353" y="970708"/>
                    <a:pt x="116541" y="984632"/>
                  </a:cubicBezTo>
                  <a:cubicBezTo>
                    <a:pt x="122609" y="998286"/>
                    <a:pt x="134751" y="1008333"/>
                    <a:pt x="143435" y="1020491"/>
                  </a:cubicBezTo>
                  <a:cubicBezTo>
                    <a:pt x="149697" y="1029258"/>
                    <a:pt x="156547" y="1037748"/>
                    <a:pt x="161365" y="1047385"/>
                  </a:cubicBezTo>
                  <a:cubicBezTo>
                    <a:pt x="197677" y="1120008"/>
                    <a:pt x="155199" y="1068113"/>
                    <a:pt x="215153" y="1128067"/>
                  </a:cubicBezTo>
                  <a:cubicBezTo>
                    <a:pt x="230516" y="1158795"/>
                    <a:pt x="239711" y="1179478"/>
                    <a:pt x="259977" y="1208750"/>
                  </a:cubicBezTo>
                  <a:cubicBezTo>
                    <a:pt x="276986" y="1233319"/>
                    <a:pt x="295836" y="1256561"/>
                    <a:pt x="313765" y="1280467"/>
                  </a:cubicBezTo>
                  <a:cubicBezTo>
                    <a:pt x="343321" y="1319875"/>
                    <a:pt x="342618" y="1319717"/>
                    <a:pt x="376518" y="1361150"/>
                  </a:cubicBezTo>
                  <a:cubicBezTo>
                    <a:pt x="391297" y="1379213"/>
                    <a:pt x="404838" y="1398435"/>
                    <a:pt x="421341" y="1414938"/>
                  </a:cubicBezTo>
                  <a:cubicBezTo>
                    <a:pt x="439271" y="1432867"/>
                    <a:pt x="458897" y="1449247"/>
                    <a:pt x="475130" y="1468726"/>
                  </a:cubicBezTo>
                  <a:cubicBezTo>
                    <a:pt x="490071" y="1486655"/>
                    <a:pt x="503958" y="1505519"/>
                    <a:pt x="519953" y="1522514"/>
                  </a:cubicBezTo>
                  <a:cubicBezTo>
                    <a:pt x="551813" y="1556365"/>
                    <a:pt x="588805" y="1585414"/>
                    <a:pt x="618565" y="1621126"/>
                  </a:cubicBezTo>
                  <a:cubicBezTo>
                    <a:pt x="633506" y="1639055"/>
                    <a:pt x="646885" y="1658411"/>
                    <a:pt x="663388" y="1674914"/>
                  </a:cubicBezTo>
                  <a:cubicBezTo>
                    <a:pt x="676918" y="1688444"/>
                    <a:pt x="694682" y="1697243"/>
                    <a:pt x="708212" y="1710773"/>
                  </a:cubicBezTo>
                  <a:cubicBezTo>
                    <a:pt x="724715" y="1727276"/>
                    <a:pt x="737336" y="1747292"/>
                    <a:pt x="753035" y="1764561"/>
                  </a:cubicBezTo>
                  <a:cubicBezTo>
                    <a:pt x="767249" y="1780196"/>
                    <a:pt x="783879" y="1793541"/>
                    <a:pt x="797859" y="1809385"/>
                  </a:cubicBezTo>
                  <a:cubicBezTo>
                    <a:pt x="828742" y="1844386"/>
                    <a:pt x="857833" y="1880929"/>
                    <a:pt x="887506" y="1916961"/>
                  </a:cubicBezTo>
                  <a:cubicBezTo>
                    <a:pt x="899670" y="1931731"/>
                    <a:pt x="912751" y="1945864"/>
                    <a:pt x="923365" y="1961785"/>
                  </a:cubicBezTo>
                  <a:cubicBezTo>
                    <a:pt x="935318" y="1979714"/>
                    <a:pt x="948366" y="1996960"/>
                    <a:pt x="959224" y="2015573"/>
                  </a:cubicBezTo>
                  <a:cubicBezTo>
                    <a:pt x="969324" y="2032888"/>
                    <a:pt x="976519" y="2051763"/>
                    <a:pt x="986118" y="2069361"/>
                  </a:cubicBezTo>
                  <a:cubicBezTo>
                    <a:pt x="994462" y="2084658"/>
                    <a:pt x="1004047" y="2099244"/>
                    <a:pt x="1013012" y="2114185"/>
                  </a:cubicBezTo>
                  <a:cubicBezTo>
                    <a:pt x="1033334" y="2236118"/>
                    <a:pt x="1043727" y="2250714"/>
                    <a:pt x="1021977" y="2392091"/>
                  </a:cubicBezTo>
                  <a:cubicBezTo>
                    <a:pt x="1018516" y="2414584"/>
                    <a:pt x="1002736" y="2433412"/>
                    <a:pt x="995082" y="2454844"/>
                  </a:cubicBezTo>
                  <a:cubicBezTo>
                    <a:pt x="987765" y="2475331"/>
                    <a:pt x="985232" y="2497398"/>
                    <a:pt x="977153" y="2517597"/>
                  </a:cubicBezTo>
                  <a:cubicBezTo>
                    <a:pt x="973152" y="2527601"/>
                    <a:pt x="964456" y="2535073"/>
                    <a:pt x="959224" y="2544491"/>
                  </a:cubicBezTo>
                  <a:cubicBezTo>
                    <a:pt x="920883" y="2613506"/>
                    <a:pt x="949738" y="2580872"/>
                    <a:pt x="914400" y="2616208"/>
                  </a:cubicBezTo>
                  <a:cubicBezTo>
                    <a:pt x="905435" y="2634138"/>
                    <a:pt x="897452" y="2652592"/>
                    <a:pt x="887506" y="2669997"/>
                  </a:cubicBezTo>
                  <a:cubicBezTo>
                    <a:pt x="873519" y="2694473"/>
                    <a:pt x="856181" y="2716965"/>
                    <a:pt x="842682" y="2741714"/>
                  </a:cubicBezTo>
                  <a:cubicBezTo>
                    <a:pt x="838157" y="2750010"/>
                    <a:pt x="838243" y="2760312"/>
                    <a:pt x="833718" y="2768608"/>
                  </a:cubicBezTo>
                  <a:cubicBezTo>
                    <a:pt x="820219" y="2793357"/>
                    <a:pt x="803099" y="2815975"/>
                    <a:pt x="788894" y="2840326"/>
                  </a:cubicBezTo>
                  <a:cubicBezTo>
                    <a:pt x="732717" y="2936631"/>
                    <a:pt x="830193" y="2793267"/>
                    <a:pt x="726141" y="2938938"/>
                  </a:cubicBezTo>
                  <a:cubicBezTo>
                    <a:pt x="723153" y="2950891"/>
                    <a:pt x="723160" y="2964027"/>
                    <a:pt x="717177" y="2974797"/>
                  </a:cubicBezTo>
                  <a:cubicBezTo>
                    <a:pt x="707885" y="2991523"/>
                    <a:pt x="692799" y="3004313"/>
                    <a:pt x="681318" y="3019620"/>
                  </a:cubicBezTo>
                  <a:cubicBezTo>
                    <a:pt x="674853" y="3028239"/>
                    <a:pt x="670483" y="3038405"/>
                    <a:pt x="663388" y="3046514"/>
                  </a:cubicBezTo>
                  <a:cubicBezTo>
                    <a:pt x="649474" y="3062416"/>
                    <a:pt x="632092" y="3075105"/>
                    <a:pt x="618565" y="3091338"/>
                  </a:cubicBezTo>
                  <a:cubicBezTo>
                    <a:pt x="602109" y="3111086"/>
                    <a:pt x="590882" y="3134934"/>
                    <a:pt x="573741" y="3154091"/>
                  </a:cubicBezTo>
                  <a:cubicBezTo>
                    <a:pt x="539927" y="3191883"/>
                    <a:pt x="502024" y="3225808"/>
                    <a:pt x="466165" y="3261667"/>
                  </a:cubicBezTo>
                  <a:lnTo>
                    <a:pt x="421341" y="3306491"/>
                  </a:lnTo>
                  <a:cubicBezTo>
                    <a:pt x="397435" y="3324420"/>
                    <a:pt x="368291" y="3336945"/>
                    <a:pt x="349624" y="3360279"/>
                  </a:cubicBezTo>
                  <a:cubicBezTo>
                    <a:pt x="337671" y="3375220"/>
                    <a:pt x="324738" y="3389427"/>
                    <a:pt x="313765" y="3405102"/>
                  </a:cubicBezTo>
                  <a:cubicBezTo>
                    <a:pt x="303773" y="3419377"/>
                    <a:pt x="297756" y="3436320"/>
                    <a:pt x="286871" y="3449926"/>
                  </a:cubicBezTo>
                  <a:cubicBezTo>
                    <a:pt x="273671" y="3466426"/>
                    <a:pt x="256988" y="3479809"/>
                    <a:pt x="242047" y="3494750"/>
                  </a:cubicBezTo>
                  <a:cubicBezTo>
                    <a:pt x="236071" y="3509691"/>
                    <a:pt x="231315" y="3525180"/>
                    <a:pt x="224118" y="3539573"/>
                  </a:cubicBezTo>
                  <a:cubicBezTo>
                    <a:pt x="219300" y="3549210"/>
                    <a:pt x="211835" y="3557291"/>
                    <a:pt x="206188" y="3566467"/>
                  </a:cubicBezTo>
                  <a:cubicBezTo>
                    <a:pt x="187924" y="3596146"/>
                    <a:pt x="167984" y="3624944"/>
                    <a:pt x="152400" y="3656114"/>
                  </a:cubicBezTo>
                  <a:cubicBezTo>
                    <a:pt x="108260" y="3744397"/>
                    <a:pt x="162331" y="3633770"/>
                    <a:pt x="116541" y="3736797"/>
                  </a:cubicBezTo>
                  <a:cubicBezTo>
                    <a:pt x="89754" y="3797068"/>
                    <a:pt x="104940" y="3747342"/>
                    <a:pt x="89647" y="3808514"/>
                  </a:cubicBezTo>
                  <a:cubicBezTo>
                    <a:pt x="95624" y="3984820"/>
                    <a:pt x="51796" y="4170076"/>
                    <a:pt x="107577" y="4337432"/>
                  </a:cubicBezTo>
                  <a:cubicBezTo>
                    <a:pt x="110565" y="4346397"/>
                    <a:pt x="110740" y="4356867"/>
                    <a:pt x="116541" y="4364326"/>
                  </a:cubicBezTo>
                  <a:cubicBezTo>
                    <a:pt x="157799" y="4417372"/>
                    <a:pt x="163654" y="4409563"/>
                    <a:pt x="206188" y="4445008"/>
                  </a:cubicBezTo>
                  <a:cubicBezTo>
                    <a:pt x="212681" y="4450419"/>
                    <a:pt x="217518" y="4457658"/>
                    <a:pt x="224118" y="4462938"/>
                  </a:cubicBezTo>
                  <a:cubicBezTo>
                    <a:pt x="248943" y="4482798"/>
                    <a:pt x="249501" y="4480363"/>
                    <a:pt x="277906" y="4489832"/>
                  </a:cubicBezTo>
                  <a:cubicBezTo>
                    <a:pt x="328913" y="4540839"/>
                    <a:pt x="276337" y="4498209"/>
                    <a:pt x="349624" y="4525691"/>
                  </a:cubicBezTo>
                  <a:cubicBezTo>
                    <a:pt x="359712" y="4529474"/>
                    <a:pt x="367163" y="4538275"/>
                    <a:pt x="376518" y="4543620"/>
                  </a:cubicBezTo>
                  <a:cubicBezTo>
                    <a:pt x="388121" y="4550250"/>
                    <a:pt x="399969" y="4556587"/>
                    <a:pt x="412377" y="4561550"/>
                  </a:cubicBezTo>
                  <a:cubicBezTo>
                    <a:pt x="429924" y="4568569"/>
                    <a:pt x="448236" y="4573503"/>
                    <a:pt x="466165" y="4579479"/>
                  </a:cubicBezTo>
                  <a:lnTo>
                    <a:pt x="493059" y="4588444"/>
                  </a:lnTo>
                  <a:lnTo>
                    <a:pt x="519953" y="4597408"/>
                  </a:lnTo>
                  <a:cubicBezTo>
                    <a:pt x="528918" y="4603385"/>
                    <a:pt x="536527" y="4612242"/>
                    <a:pt x="546847" y="4615338"/>
                  </a:cubicBezTo>
                  <a:cubicBezTo>
                    <a:pt x="567086" y="4621410"/>
                    <a:pt x="588811" y="4620522"/>
                    <a:pt x="609600" y="4624302"/>
                  </a:cubicBezTo>
                  <a:cubicBezTo>
                    <a:pt x="621722" y="4626506"/>
                    <a:pt x="633658" y="4629727"/>
                    <a:pt x="645459" y="4633267"/>
                  </a:cubicBezTo>
                  <a:cubicBezTo>
                    <a:pt x="663561" y="4638698"/>
                    <a:pt x="680912" y="4646614"/>
                    <a:pt x="699247" y="4651197"/>
                  </a:cubicBezTo>
                  <a:cubicBezTo>
                    <a:pt x="823576" y="4682277"/>
                    <a:pt x="631895" y="4634964"/>
                    <a:pt x="779930" y="4669126"/>
                  </a:cubicBezTo>
                  <a:cubicBezTo>
                    <a:pt x="803940" y="4674667"/>
                    <a:pt x="828270" y="4679262"/>
                    <a:pt x="851647" y="4687055"/>
                  </a:cubicBezTo>
                  <a:cubicBezTo>
                    <a:pt x="860612" y="4690043"/>
                    <a:pt x="869201" y="4694583"/>
                    <a:pt x="878541" y="4696020"/>
                  </a:cubicBezTo>
                  <a:cubicBezTo>
                    <a:pt x="908223" y="4700587"/>
                    <a:pt x="938306" y="4701997"/>
                    <a:pt x="968188" y="4704985"/>
                  </a:cubicBezTo>
                  <a:cubicBezTo>
                    <a:pt x="1028767" y="4725179"/>
                    <a:pt x="969169" y="4707506"/>
                    <a:pt x="1084730" y="4722914"/>
                  </a:cubicBezTo>
                  <a:cubicBezTo>
                    <a:pt x="1099833" y="4724928"/>
                    <a:pt x="1114469" y="4729724"/>
                    <a:pt x="1129553" y="4731879"/>
                  </a:cubicBezTo>
                  <a:cubicBezTo>
                    <a:pt x="1278640" y="4753178"/>
                    <a:pt x="1153710" y="4729540"/>
                    <a:pt x="1255059" y="4749808"/>
                  </a:cubicBezTo>
                  <a:cubicBezTo>
                    <a:pt x="1329765" y="4746820"/>
                    <a:pt x="1404808" y="4748537"/>
                    <a:pt x="1479177" y="4740844"/>
                  </a:cubicBezTo>
                  <a:cubicBezTo>
                    <a:pt x="1492470" y="4739469"/>
                    <a:pt x="1502823" y="4728342"/>
                    <a:pt x="1515035" y="4722914"/>
                  </a:cubicBezTo>
                  <a:cubicBezTo>
                    <a:pt x="1629244" y="4672154"/>
                    <a:pt x="1482220" y="4743805"/>
                    <a:pt x="1613647" y="4678091"/>
                  </a:cubicBezTo>
                  <a:cubicBezTo>
                    <a:pt x="1639493" y="4643630"/>
                    <a:pt x="1642637" y="4635916"/>
                    <a:pt x="1676400" y="4606373"/>
                  </a:cubicBezTo>
                  <a:cubicBezTo>
                    <a:pt x="1687644" y="4596534"/>
                    <a:pt x="1702092" y="4590428"/>
                    <a:pt x="1712259" y="4579479"/>
                  </a:cubicBezTo>
                  <a:cubicBezTo>
                    <a:pt x="1741158" y="4548357"/>
                    <a:pt x="1762909" y="4510898"/>
                    <a:pt x="1792941" y="4480867"/>
                  </a:cubicBezTo>
                  <a:cubicBezTo>
                    <a:pt x="1798918" y="4474891"/>
                    <a:pt x="1804378" y="4468349"/>
                    <a:pt x="1810871" y="4462938"/>
                  </a:cubicBezTo>
                  <a:cubicBezTo>
                    <a:pt x="1842294" y="4436753"/>
                    <a:pt x="1878118" y="4419588"/>
                    <a:pt x="1900518" y="4382255"/>
                  </a:cubicBezTo>
                  <a:cubicBezTo>
                    <a:pt x="1909483" y="4367314"/>
                    <a:pt x="1917285" y="4351611"/>
                    <a:pt x="1927412" y="4337432"/>
                  </a:cubicBezTo>
                  <a:cubicBezTo>
                    <a:pt x="1932325" y="4330554"/>
                    <a:pt x="1940370" y="4326337"/>
                    <a:pt x="1945341" y="4319502"/>
                  </a:cubicBezTo>
                  <a:cubicBezTo>
                    <a:pt x="1964352" y="4293361"/>
                    <a:pt x="1981201" y="4265714"/>
                    <a:pt x="1999130" y="4238820"/>
                  </a:cubicBezTo>
                  <a:cubicBezTo>
                    <a:pt x="2011083" y="4220891"/>
                    <a:pt x="2020964" y="4201393"/>
                    <a:pt x="2034988" y="4185032"/>
                  </a:cubicBezTo>
                  <a:cubicBezTo>
                    <a:pt x="2131585" y="4072337"/>
                    <a:pt x="2048431" y="4173085"/>
                    <a:pt x="2133600" y="4059526"/>
                  </a:cubicBezTo>
                  <a:cubicBezTo>
                    <a:pt x="2145080" y="4044219"/>
                    <a:pt x="2158486" y="4030377"/>
                    <a:pt x="2169459" y="4014702"/>
                  </a:cubicBezTo>
                  <a:cubicBezTo>
                    <a:pt x="2179451" y="4000428"/>
                    <a:pt x="2186688" y="3984377"/>
                    <a:pt x="2196353" y="3969879"/>
                  </a:cubicBezTo>
                  <a:cubicBezTo>
                    <a:pt x="2210612" y="3948490"/>
                    <a:pt x="2226918" y="3928515"/>
                    <a:pt x="2241177" y="3907126"/>
                  </a:cubicBezTo>
                  <a:cubicBezTo>
                    <a:pt x="2250842" y="3892628"/>
                    <a:pt x="2257037" y="3875788"/>
                    <a:pt x="2268071" y="3862302"/>
                  </a:cubicBezTo>
                  <a:cubicBezTo>
                    <a:pt x="2284127" y="3842678"/>
                    <a:pt x="2305083" y="3827527"/>
                    <a:pt x="2321859" y="3808514"/>
                  </a:cubicBezTo>
                  <a:cubicBezTo>
                    <a:pt x="2349959" y="3776668"/>
                    <a:pt x="2372509" y="3739933"/>
                    <a:pt x="2402541" y="3709902"/>
                  </a:cubicBezTo>
                  <a:cubicBezTo>
                    <a:pt x="2436554" y="3675890"/>
                    <a:pt x="2445245" y="3669839"/>
                    <a:pt x="2474259" y="3629220"/>
                  </a:cubicBezTo>
                  <a:cubicBezTo>
                    <a:pt x="2507983" y="3582006"/>
                    <a:pt x="2528298" y="3522929"/>
                    <a:pt x="2572871" y="3485785"/>
                  </a:cubicBezTo>
                  <a:cubicBezTo>
                    <a:pt x="2613861" y="3451626"/>
                    <a:pt x="2636438" y="3435562"/>
                    <a:pt x="2671482" y="3396138"/>
                  </a:cubicBezTo>
                  <a:cubicBezTo>
                    <a:pt x="2789594" y="3263263"/>
                    <a:pt x="2596506" y="3469974"/>
                    <a:pt x="2725271" y="3315455"/>
                  </a:cubicBezTo>
                  <a:cubicBezTo>
                    <a:pt x="2744209" y="3292729"/>
                    <a:pt x="2767106" y="3273620"/>
                    <a:pt x="2788024" y="3252702"/>
                  </a:cubicBezTo>
                  <a:cubicBezTo>
                    <a:pt x="2799977" y="3240749"/>
                    <a:pt x="2814505" y="3230909"/>
                    <a:pt x="2823882" y="3216844"/>
                  </a:cubicBezTo>
                  <a:cubicBezTo>
                    <a:pt x="2838356" y="3195134"/>
                    <a:pt x="2840583" y="3187985"/>
                    <a:pt x="2859741" y="3172020"/>
                  </a:cubicBezTo>
                  <a:cubicBezTo>
                    <a:pt x="2922124" y="3120034"/>
                    <a:pt x="2868112" y="3169884"/>
                    <a:pt x="2940424" y="3118232"/>
                  </a:cubicBezTo>
                  <a:cubicBezTo>
                    <a:pt x="2947302" y="3113319"/>
                    <a:pt x="2951860" y="3105713"/>
                    <a:pt x="2958353" y="3100302"/>
                  </a:cubicBezTo>
                  <a:cubicBezTo>
                    <a:pt x="2969831" y="3090737"/>
                    <a:pt x="2983647" y="3083973"/>
                    <a:pt x="2994212" y="3073408"/>
                  </a:cubicBezTo>
                  <a:cubicBezTo>
                    <a:pt x="3007742" y="3059878"/>
                    <a:pt x="3017271" y="3042807"/>
                    <a:pt x="3030071" y="3028585"/>
                  </a:cubicBezTo>
                  <a:cubicBezTo>
                    <a:pt x="3097496" y="2953668"/>
                    <a:pt x="3055533" y="3012802"/>
                    <a:pt x="3092824" y="2956867"/>
                  </a:cubicBezTo>
                  <a:cubicBezTo>
                    <a:pt x="3095812" y="2944914"/>
                    <a:pt x="3097462" y="2932544"/>
                    <a:pt x="3101788" y="2921008"/>
                  </a:cubicBezTo>
                  <a:cubicBezTo>
                    <a:pt x="3106480" y="2908495"/>
                    <a:pt x="3116202" y="2898043"/>
                    <a:pt x="3119718" y="2885150"/>
                  </a:cubicBezTo>
                  <a:cubicBezTo>
                    <a:pt x="3125278" y="2864765"/>
                    <a:pt x="3122610" y="2842636"/>
                    <a:pt x="3128682" y="2822397"/>
                  </a:cubicBezTo>
                  <a:cubicBezTo>
                    <a:pt x="3131778" y="2812077"/>
                    <a:pt x="3141793" y="2805139"/>
                    <a:pt x="3146612" y="2795502"/>
                  </a:cubicBezTo>
                  <a:cubicBezTo>
                    <a:pt x="3153809" y="2781109"/>
                    <a:pt x="3159042" y="2765802"/>
                    <a:pt x="3164541" y="2750679"/>
                  </a:cubicBezTo>
                  <a:cubicBezTo>
                    <a:pt x="3219060" y="2600754"/>
                    <a:pt x="3153151" y="2781278"/>
                    <a:pt x="3191435" y="2652067"/>
                  </a:cubicBezTo>
                  <a:cubicBezTo>
                    <a:pt x="3211034" y="2585921"/>
                    <a:pt x="3254188" y="2454844"/>
                    <a:pt x="3254188" y="2454844"/>
                  </a:cubicBezTo>
                  <a:cubicBezTo>
                    <a:pt x="3251200" y="2317385"/>
                    <a:pt x="3258905" y="2179276"/>
                    <a:pt x="3245224" y="2042467"/>
                  </a:cubicBezTo>
                  <a:cubicBezTo>
                    <a:pt x="3240804" y="1998264"/>
                    <a:pt x="3214448" y="1959105"/>
                    <a:pt x="3200400" y="1916961"/>
                  </a:cubicBezTo>
                  <a:cubicBezTo>
                    <a:pt x="3146559" y="1755440"/>
                    <a:pt x="3108531" y="1586418"/>
                    <a:pt x="3012141" y="1441832"/>
                  </a:cubicBezTo>
                  <a:cubicBezTo>
                    <a:pt x="2930657" y="1319605"/>
                    <a:pt x="2859844" y="1206435"/>
                    <a:pt x="2770094" y="1092208"/>
                  </a:cubicBezTo>
                  <a:cubicBezTo>
                    <a:pt x="2738654" y="1052194"/>
                    <a:pt x="2703271" y="1015404"/>
                    <a:pt x="2671482" y="975667"/>
                  </a:cubicBezTo>
                  <a:cubicBezTo>
                    <a:pt x="2643481" y="940666"/>
                    <a:pt x="2619003" y="902930"/>
                    <a:pt x="2590800" y="868091"/>
                  </a:cubicBezTo>
                  <a:cubicBezTo>
                    <a:pt x="2568159" y="840123"/>
                    <a:pt x="2542118" y="815051"/>
                    <a:pt x="2519082" y="787408"/>
                  </a:cubicBezTo>
                  <a:cubicBezTo>
                    <a:pt x="2497270" y="761234"/>
                    <a:pt x="2478599" y="732512"/>
                    <a:pt x="2456330" y="706726"/>
                  </a:cubicBezTo>
                  <a:cubicBezTo>
                    <a:pt x="2295519" y="520524"/>
                    <a:pt x="2409780" y="653281"/>
                    <a:pt x="2259106" y="518467"/>
                  </a:cubicBezTo>
                  <a:cubicBezTo>
                    <a:pt x="2230762" y="493106"/>
                    <a:pt x="2206851" y="463053"/>
                    <a:pt x="2178424" y="437785"/>
                  </a:cubicBezTo>
                  <a:cubicBezTo>
                    <a:pt x="2152959" y="415149"/>
                    <a:pt x="2123132" y="397751"/>
                    <a:pt x="2097741" y="375032"/>
                  </a:cubicBezTo>
                  <a:cubicBezTo>
                    <a:pt x="2097713" y="375007"/>
                    <a:pt x="1985696" y="262986"/>
                    <a:pt x="1963271" y="240561"/>
                  </a:cubicBezTo>
                  <a:cubicBezTo>
                    <a:pt x="1904671" y="181960"/>
                    <a:pt x="1898707" y="159518"/>
                    <a:pt x="1810871" y="141950"/>
                  </a:cubicBezTo>
                  <a:cubicBezTo>
                    <a:pt x="1795930" y="138962"/>
                    <a:pt x="1780894" y="136411"/>
                    <a:pt x="1766047" y="132985"/>
                  </a:cubicBezTo>
                  <a:cubicBezTo>
                    <a:pt x="1742037" y="127444"/>
                    <a:pt x="1694330" y="115055"/>
                    <a:pt x="1694330" y="115055"/>
                  </a:cubicBezTo>
                  <a:cubicBezTo>
                    <a:pt x="1685365" y="109079"/>
                    <a:pt x="1678169" y="98059"/>
                    <a:pt x="1667435" y="97126"/>
                  </a:cubicBezTo>
                  <a:cubicBezTo>
                    <a:pt x="1539286" y="85983"/>
                    <a:pt x="1281953" y="79197"/>
                    <a:pt x="1281953" y="79197"/>
                  </a:cubicBezTo>
                  <a:cubicBezTo>
                    <a:pt x="1270000" y="73220"/>
                    <a:pt x="1257697" y="67897"/>
                    <a:pt x="1246094" y="61267"/>
                  </a:cubicBezTo>
                  <a:cubicBezTo>
                    <a:pt x="1236739" y="55922"/>
                    <a:pt x="1229046" y="47714"/>
                    <a:pt x="1219200" y="43338"/>
                  </a:cubicBezTo>
                  <a:cubicBezTo>
                    <a:pt x="1201930" y="35662"/>
                    <a:pt x="1182316" y="33859"/>
                    <a:pt x="1165412" y="25408"/>
                  </a:cubicBezTo>
                  <a:lnTo>
                    <a:pt x="1192306" y="16444"/>
                  </a:lnTo>
                  <a:close/>
                </a:path>
              </a:pathLst>
            </a:custGeom>
            <a:noFill/>
            <a:ln w="28575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</p:grpSp>
    </p:spTree>
    <p:extLst>
      <p:ext uri="{BB962C8B-B14F-4D97-AF65-F5344CB8AC3E}">
        <p14:creationId xmlns:p14="http://schemas.microsoft.com/office/powerpoint/2010/main" val="22634433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81000" y="152400"/>
            <a:ext cx="7772400" cy="2057400"/>
          </a:xfrm>
        </p:spPr>
        <p:txBody>
          <a:bodyPr anchor="t">
            <a:normAutofit/>
          </a:bodyPr>
          <a:lstStyle/>
          <a:p>
            <a:pPr algn="l"/>
            <a:r>
              <a:rPr lang="en-US" sz="3200" b="1" dirty="0"/>
              <a:t>Path Enumeration</a:t>
            </a:r>
            <a:endParaRPr lang="ru-RU" sz="3200" b="1" dirty="0"/>
          </a:p>
        </p:txBody>
      </p:sp>
      <p:sp>
        <p:nvSpPr>
          <p:cNvPr id="11" name="Title 1"/>
          <p:cNvSpPr txBox="1">
            <a:spLocks/>
          </p:cNvSpPr>
          <p:nvPr/>
        </p:nvSpPr>
        <p:spPr>
          <a:xfrm>
            <a:off x="381000" y="1828800"/>
            <a:ext cx="7772400" cy="358140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Segoe UI" panose="020B0502040204020203" pitchFamily="34" charset="0"/>
                <a:ea typeface="+mj-ea"/>
                <a:cs typeface="Segoe UI" panose="020B0502040204020203" pitchFamily="34" charset="0"/>
              </a:defRPr>
            </a:lvl1pPr>
          </a:lstStyle>
          <a:p>
            <a:pPr algn="l"/>
            <a:endParaRPr lang="ru-RU" sz="3200" dirty="0"/>
          </a:p>
        </p:txBody>
      </p:sp>
      <p:sp>
        <p:nvSpPr>
          <p:cNvPr id="13" name="Content Placeholder 2"/>
          <p:cNvSpPr txBox="1">
            <a:spLocks/>
          </p:cNvSpPr>
          <p:nvPr/>
        </p:nvSpPr>
        <p:spPr>
          <a:xfrm>
            <a:off x="609600" y="1600201"/>
            <a:ext cx="109728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3200" kern="1200">
                <a:solidFill>
                  <a:schemeClr val="tx1">
                    <a:tint val="75000"/>
                  </a:schemeClr>
                </a:solidFill>
                <a:latin typeface="Segoe UI" panose="020B0502040204020203" pitchFamily="34" charset="0"/>
                <a:ea typeface="+mn-ea"/>
                <a:cs typeface="Segoe UI" panose="020B0502040204020203" pitchFamily="34" charset="0"/>
              </a:defRPr>
            </a:lvl1pPr>
            <a:lvl2pPr marL="4572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800" kern="1200">
                <a:solidFill>
                  <a:schemeClr val="tx1">
                    <a:tint val="75000"/>
                  </a:schemeClr>
                </a:solidFill>
                <a:latin typeface="Segoe UI" panose="020B0502040204020203" pitchFamily="34" charset="0"/>
                <a:ea typeface="+mn-ea"/>
                <a:cs typeface="Segoe UI" panose="020B0502040204020203" pitchFamily="34" charset="0"/>
              </a:defRPr>
            </a:lvl2pPr>
            <a:lvl3pPr marL="9144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400" kern="1200">
                <a:solidFill>
                  <a:schemeClr val="tx1">
                    <a:tint val="75000"/>
                  </a:schemeClr>
                </a:solidFill>
                <a:latin typeface="Segoe UI" panose="020B0502040204020203" pitchFamily="34" charset="0"/>
                <a:ea typeface="+mn-ea"/>
                <a:cs typeface="Segoe UI" panose="020B0502040204020203" pitchFamily="34" charset="0"/>
              </a:defRPr>
            </a:lvl3pPr>
            <a:lvl4pPr marL="13716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Segoe UI" panose="020B0502040204020203" pitchFamily="34" charset="0"/>
                <a:ea typeface="+mn-ea"/>
                <a:cs typeface="Segoe UI" panose="020B0502040204020203" pitchFamily="34" charset="0"/>
              </a:defRPr>
            </a:lvl4pPr>
            <a:lvl5pPr marL="18288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Segoe UI" panose="020B0502040204020203" pitchFamily="34" charset="0"/>
                <a:ea typeface="+mn-ea"/>
                <a:cs typeface="Segoe UI" panose="020B0502040204020203" pitchFamily="34" charset="0"/>
              </a:defRPr>
            </a:lvl5pPr>
            <a:lvl6pPr marL="22860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/>
            <a:r>
              <a:rPr lang="ru-RU" dirty="0">
                <a:solidFill>
                  <a:schemeClr val="tx1"/>
                </a:solidFill>
              </a:rPr>
              <a:t>Выборка поддерева</a:t>
            </a:r>
            <a:r>
              <a:rPr lang="en-US" dirty="0">
                <a:solidFill>
                  <a:schemeClr val="tx1"/>
                </a:solidFill>
              </a:rPr>
              <a:t>:</a:t>
            </a:r>
          </a:p>
          <a:p>
            <a:pPr algn="l"/>
            <a:r>
              <a:rPr lang="en-US" b="1" dirty="0">
                <a:solidFill>
                  <a:schemeClr val="tx1"/>
                </a:solidFill>
              </a:rPr>
              <a:t>SELECT</a:t>
            </a:r>
            <a:r>
              <a:rPr lang="en-US" dirty="0">
                <a:solidFill>
                  <a:schemeClr val="tx1"/>
                </a:solidFill>
              </a:rPr>
              <a:t> * </a:t>
            </a:r>
            <a:r>
              <a:rPr lang="en-US" b="1" dirty="0">
                <a:solidFill>
                  <a:schemeClr val="tx1"/>
                </a:solidFill>
              </a:rPr>
              <a:t>FROM</a:t>
            </a:r>
            <a:r>
              <a:rPr lang="en-US" dirty="0">
                <a:solidFill>
                  <a:schemeClr val="tx1"/>
                </a:solidFill>
              </a:rPr>
              <a:t> comments </a:t>
            </a:r>
            <a:r>
              <a:rPr lang="en-US" b="1" dirty="0">
                <a:solidFill>
                  <a:schemeClr val="tx1"/>
                </a:solidFill>
              </a:rPr>
              <a:t>WHERE</a:t>
            </a:r>
            <a:r>
              <a:rPr lang="en-US" dirty="0">
                <a:solidFill>
                  <a:schemeClr val="tx1"/>
                </a:solidFill>
              </a:rPr>
              <a:t> path </a:t>
            </a:r>
            <a:r>
              <a:rPr lang="en-US" b="1" dirty="0">
                <a:solidFill>
                  <a:schemeClr val="tx1"/>
                </a:solidFill>
              </a:rPr>
              <a:t>LIKE</a:t>
            </a:r>
            <a:r>
              <a:rPr lang="en-US" dirty="0">
                <a:solidFill>
                  <a:schemeClr val="tx1"/>
                </a:solidFill>
              </a:rPr>
              <a:t> ‘1/4/%’;</a:t>
            </a:r>
          </a:p>
          <a:p>
            <a:pPr algn="l"/>
            <a:endParaRPr lang="en-US" dirty="0">
              <a:solidFill>
                <a:schemeClr val="tx1"/>
              </a:solidFill>
            </a:endParaRPr>
          </a:p>
          <a:p>
            <a:pPr algn="l"/>
            <a:r>
              <a:rPr lang="ru-RU" dirty="0" smtClean="0">
                <a:solidFill>
                  <a:schemeClr val="tx1"/>
                </a:solidFill>
              </a:rPr>
              <a:t>Выборка пути до узла </a:t>
            </a:r>
            <a:r>
              <a:rPr lang="en-US" dirty="0" smtClean="0">
                <a:solidFill>
                  <a:schemeClr val="tx1"/>
                </a:solidFill>
              </a:rPr>
              <a:t>(breadcrumbs):</a:t>
            </a:r>
          </a:p>
          <a:p>
            <a:pPr algn="l"/>
            <a:r>
              <a:rPr lang="en-US" b="1" dirty="0" smtClean="0">
                <a:solidFill>
                  <a:schemeClr val="tx1"/>
                </a:solidFill>
              </a:rPr>
              <a:t>SELECT</a:t>
            </a:r>
            <a:r>
              <a:rPr lang="en-US" dirty="0" smtClean="0">
                <a:solidFill>
                  <a:schemeClr val="tx1"/>
                </a:solidFill>
              </a:rPr>
              <a:t> * </a:t>
            </a:r>
            <a:r>
              <a:rPr lang="en-US" b="1" dirty="0" smtClean="0">
                <a:solidFill>
                  <a:schemeClr val="tx1"/>
                </a:solidFill>
              </a:rPr>
              <a:t>FROM</a:t>
            </a:r>
            <a:r>
              <a:rPr lang="en-US" dirty="0" smtClean="0">
                <a:solidFill>
                  <a:schemeClr val="tx1"/>
                </a:solidFill>
              </a:rPr>
              <a:t> comments </a:t>
            </a:r>
            <a:r>
              <a:rPr lang="en-US" b="1" dirty="0" smtClean="0">
                <a:solidFill>
                  <a:schemeClr val="tx1"/>
                </a:solidFill>
              </a:rPr>
              <a:t>WHERE</a:t>
            </a:r>
            <a:r>
              <a:rPr lang="en-US" dirty="0" smtClean="0">
                <a:solidFill>
                  <a:schemeClr val="tx1"/>
                </a:solidFill>
              </a:rPr>
              <a:t> ‘1/4/6/7/’ </a:t>
            </a:r>
            <a:r>
              <a:rPr lang="en-US" b="1" dirty="0" smtClean="0">
                <a:solidFill>
                  <a:schemeClr val="tx1"/>
                </a:solidFill>
              </a:rPr>
              <a:t>LIKE</a:t>
            </a:r>
            <a:r>
              <a:rPr lang="en-US" dirty="0" smtClean="0">
                <a:solidFill>
                  <a:schemeClr val="tx1"/>
                </a:solidFill>
              </a:rPr>
              <a:t> CONCAT(path, ‘%’);</a:t>
            </a:r>
          </a:p>
        </p:txBody>
      </p:sp>
    </p:spTree>
    <p:extLst>
      <p:ext uri="{BB962C8B-B14F-4D97-AF65-F5344CB8AC3E}">
        <p14:creationId xmlns:p14="http://schemas.microsoft.com/office/powerpoint/2010/main" val="303202478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81000" y="1828800"/>
            <a:ext cx="7772400" cy="3581400"/>
          </a:xfrm>
        </p:spPr>
        <p:txBody>
          <a:bodyPr anchor="t">
            <a:normAutofit/>
          </a:bodyPr>
          <a:lstStyle/>
          <a:p>
            <a:pPr algn="l"/>
            <a:r>
              <a:rPr lang="ru-RU" sz="3200" dirty="0"/>
              <a:t>+ Выборка поддерева</a:t>
            </a:r>
            <a:br>
              <a:rPr lang="ru-RU" sz="3200" dirty="0"/>
            </a:br>
            <a:r>
              <a:rPr lang="ru-RU" sz="3200" dirty="0"/>
              <a:t>+ Выборка пути до узла (</a:t>
            </a:r>
            <a:r>
              <a:rPr lang="en-US" sz="3200" dirty="0"/>
              <a:t>breadcrumbs</a:t>
            </a:r>
            <a:r>
              <a:rPr lang="ru-RU" sz="3200" dirty="0"/>
              <a:t>)</a:t>
            </a:r>
            <a:br>
              <a:rPr lang="ru-RU" sz="3200" dirty="0"/>
            </a:br>
            <a:r>
              <a:rPr lang="ru-RU" sz="3200" dirty="0"/>
              <a:t/>
            </a:r>
            <a:br>
              <a:rPr lang="ru-RU" sz="3200" dirty="0"/>
            </a:br>
            <a:r>
              <a:rPr lang="en-US" sz="3200" dirty="0"/>
              <a:t>- </a:t>
            </a:r>
            <a:r>
              <a:rPr lang="ru-RU" sz="3200" dirty="0"/>
              <a:t>Плохо масштабируется</a:t>
            </a:r>
          </a:p>
        </p:txBody>
      </p:sp>
      <p:sp>
        <p:nvSpPr>
          <p:cNvPr id="10" name="Title 1"/>
          <p:cNvSpPr txBox="1">
            <a:spLocks/>
          </p:cNvSpPr>
          <p:nvPr/>
        </p:nvSpPr>
        <p:spPr>
          <a:xfrm>
            <a:off x="381000" y="152400"/>
            <a:ext cx="7772400" cy="99060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Segoe UI" panose="020B0502040204020203" pitchFamily="34" charset="0"/>
                <a:ea typeface="+mj-ea"/>
                <a:cs typeface="Segoe UI" panose="020B0502040204020203" pitchFamily="34" charset="0"/>
              </a:defRPr>
            </a:lvl1pPr>
          </a:lstStyle>
          <a:p>
            <a:pPr algn="l"/>
            <a:r>
              <a:rPr lang="en-US" sz="3200" b="1" dirty="0" smtClean="0"/>
              <a:t>Path Enumeration</a:t>
            </a:r>
            <a:endParaRPr lang="ru-RU" sz="3200" b="1" dirty="0"/>
          </a:p>
        </p:txBody>
      </p:sp>
    </p:spTree>
    <p:extLst>
      <p:ext uri="{BB962C8B-B14F-4D97-AF65-F5344CB8AC3E}">
        <p14:creationId xmlns:p14="http://schemas.microsoft.com/office/powerpoint/2010/main" val="353271508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val 3"/>
          <p:cNvSpPr/>
          <p:nvPr/>
        </p:nvSpPr>
        <p:spPr>
          <a:xfrm>
            <a:off x="533400" y="685800"/>
            <a:ext cx="11125200" cy="4876800"/>
          </a:xfrm>
          <a:prstGeom prst="ellipse">
            <a:avLst/>
          </a:prstGeom>
          <a:solidFill>
            <a:srgbClr val="92D050"/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5" name="Oval 4"/>
          <p:cNvSpPr/>
          <p:nvPr/>
        </p:nvSpPr>
        <p:spPr>
          <a:xfrm>
            <a:off x="5181600" y="1511224"/>
            <a:ext cx="6172200" cy="3124200"/>
          </a:xfrm>
          <a:prstGeom prst="ellipse">
            <a:avLst/>
          </a:prstGeom>
          <a:solidFill>
            <a:srgbClr val="FFFF00"/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dirty="0">
              <a:solidFill>
                <a:schemeClr val="tx1"/>
              </a:solidFill>
            </a:endParaRPr>
          </a:p>
        </p:txBody>
      </p:sp>
      <p:sp>
        <p:nvSpPr>
          <p:cNvPr id="6" name="Oval 5"/>
          <p:cNvSpPr/>
          <p:nvPr/>
        </p:nvSpPr>
        <p:spPr>
          <a:xfrm>
            <a:off x="762000" y="1796974"/>
            <a:ext cx="4114800" cy="2552700"/>
          </a:xfrm>
          <a:prstGeom prst="ellipse">
            <a:avLst/>
          </a:prstGeom>
          <a:solidFill>
            <a:srgbClr val="FFFF00"/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2800" dirty="0">
              <a:solidFill>
                <a:schemeClr val="tx1"/>
              </a:solidFill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7" name="Oval 6"/>
          <p:cNvSpPr/>
          <p:nvPr/>
        </p:nvSpPr>
        <p:spPr>
          <a:xfrm>
            <a:off x="8415169" y="2620737"/>
            <a:ext cx="2524462" cy="1028700"/>
          </a:xfrm>
          <a:prstGeom prst="ellipse">
            <a:avLst/>
          </a:prstGeom>
          <a:solidFill>
            <a:srgbClr val="FFC000"/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dirty="0" smtClean="0">
                <a:solidFill>
                  <a:schemeClr val="tx1"/>
                </a:solidFill>
                <a:latin typeface="Segoe UI" panose="020B0502040204020203" pitchFamily="34" charset="0"/>
                <a:cs typeface="Segoe UI" panose="020B0502040204020203" pitchFamily="34" charset="0"/>
              </a:rPr>
              <a:t>БЛУЗКИ</a:t>
            </a:r>
            <a:endParaRPr lang="ru-RU" dirty="0">
              <a:solidFill>
                <a:schemeClr val="tx1"/>
              </a:solidFill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0" name="TextBox 9"/>
          <p:cNvSpPr txBox="1"/>
          <p:nvPr/>
        </p:nvSpPr>
        <p:spPr>
          <a:xfrm>
            <a:off x="4267200" y="1076326"/>
            <a:ext cx="26670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dirty="0" smtClean="0">
                <a:latin typeface="Segoe UI" panose="020B0502040204020203" pitchFamily="34" charset="0"/>
                <a:cs typeface="Segoe UI" panose="020B0502040204020203" pitchFamily="34" charset="0"/>
              </a:rPr>
              <a:t>ОДЕЖДА</a:t>
            </a:r>
            <a:endParaRPr lang="ru-RU" sz="2800" dirty="0"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1" name="TextBox 10"/>
          <p:cNvSpPr txBox="1"/>
          <p:nvPr/>
        </p:nvSpPr>
        <p:spPr>
          <a:xfrm>
            <a:off x="7315200" y="1783192"/>
            <a:ext cx="266699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dirty="0" smtClean="0">
                <a:latin typeface="Segoe UI" panose="020B0502040204020203" pitchFamily="34" charset="0"/>
                <a:cs typeface="Segoe UI" panose="020B0502040204020203" pitchFamily="34" charset="0"/>
              </a:rPr>
              <a:t>ЖЕНСКАЯ</a:t>
            </a:r>
            <a:endParaRPr lang="ru-RU" sz="2800" dirty="0"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1230406" y="2044802"/>
            <a:ext cx="26670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800" dirty="0">
                <a:latin typeface="Segoe UI" panose="020B0502040204020203" pitchFamily="34" charset="0"/>
                <a:cs typeface="Segoe UI" panose="020B0502040204020203" pitchFamily="34" charset="0"/>
              </a:rPr>
              <a:t>МУЖСКАЯ</a:t>
            </a:r>
          </a:p>
        </p:txBody>
      </p:sp>
      <p:sp>
        <p:nvSpPr>
          <p:cNvPr id="17" name="Oval 16"/>
          <p:cNvSpPr/>
          <p:nvPr/>
        </p:nvSpPr>
        <p:spPr>
          <a:xfrm>
            <a:off x="1029596" y="2758243"/>
            <a:ext cx="2057400" cy="693814"/>
          </a:xfrm>
          <a:prstGeom prst="ellipse">
            <a:avLst/>
          </a:prstGeom>
          <a:solidFill>
            <a:srgbClr val="FFC000"/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dirty="0" smtClean="0">
                <a:solidFill>
                  <a:schemeClr val="tx1"/>
                </a:solidFill>
              </a:rPr>
              <a:t>КОСТЮМЫ</a:t>
            </a:r>
            <a:endParaRPr lang="ru-RU" dirty="0">
              <a:solidFill>
                <a:schemeClr val="tx1"/>
              </a:solidFill>
            </a:endParaRPr>
          </a:p>
        </p:txBody>
      </p:sp>
      <p:sp>
        <p:nvSpPr>
          <p:cNvPr id="18" name="Oval 17"/>
          <p:cNvSpPr/>
          <p:nvPr/>
        </p:nvSpPr>
        <p:spPr>
          <a:xfrm>
            <a:off x="5638800" y="2590800"/>
            <a:ext cx="2591696" cy="1028700"/>
          </a:xfrm>
          <a:prstGeom prst="ellipse">
            <a:avLst/>
          </a:prstGeom>
          <a:solidFill>
            <a:srgbClr val="FFC000"/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dirty="0" smtClean="0">
                <a:solidFill>
                  <a:schemeClr val="tx1"/>
                </a:solidFill>
                <a:latin typeface="Segoe UI" panose="020B0502040204020203" pitchFamily="34" charset="0"/>
                <a:cs typeface="Segoe UI" panose="020B0502040204020203" pitchFamily="34" charset="0"/>
              </a:rPr>
              <a:t>ЮБКИ</a:t>
            </a:r>
            <a:endParaRPr lang="ru-RU" dirty="0">
              <a:solidFill>
                <a:schemeClr val="tx1"/>
              </a:solidFill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19" name="Oval 18"/>
          <p:cNvSpPr/>
          <p:nvPr/>
        </p:nvSpPr>
        <p:spPr>
          <a:xfrm>
            <a:off x="3231104" y="2758243"/>
            <a:ext cx="1332604" cy="693814"/>
          </a:xfrm>
          <a:prstGeom prst="ellipse">
            <a:avLst/>
          </a:prstGeom>
          <a:solidFill>
            <a:srgbClr val="FFC000"/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dirty="0" smtClean="0">
                <a:solidFill>
                  <a:schemeClr val="tx1"/>
                </a:solidFill>
              </a:rPr>
              <a:t>НОСКИ</a:t>
            </a:r>
            <a:endParaRPr lang="ru-RU" dirty="0">
              <a:solidFill>
                <a:schemeClr val="tx1"/>
              </a:solidFill>
            </a:endParaRPr>
          </a:p>
        </p:txBody>
      </p:sp>
      <p:cxnSp>
        <p:nvCxnSpPr>
          <p:cNvPr id="21" name="Straight Connector 20"/>
          <p:cNvCxnSpPr/>
          <p:nvPr/>
        </p:nvCxnSpPr>
        <p:spPr>
          <a:xfrm>
            <a:off x="0" y="3124200"/>
            <a:ext cx="12192000" cy="0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2" name="Title 1"/>
          <p:cNvSpPr txBox="1">
            <a:spLocks/>
          </p:cNvSpPr>
          <p:nvPr/>
        </p:nvSpPr>
        <p:spPr>
          <a:xfrm>
            <a:off x="533400" y="228600"/>
            <a:ext cx="7772400" cy="762000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82500" lnSpcReduction="20000"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Segoe UI" panose="020B0502040204020203" pitchFamily="34" charset="0"/>
                <a:ea typeface="+mj-ea"/>
                <a:cs typeface="Segoe UI" panose="020B0502040204020203" pitchFamily="34" charset="0"/>
              </a:defRPr>
            </a:lvl1pPr>
          </a:lstStyle>
          <a:p>
            <a:pPr algn="l"/>
            <a:r>
              <a:rPr lang="en-US" sz="3200" b="1" smtClean="0"/>
              <a:t>Nested Sets</a:t>
            </a:r>
            <a:br>
              <a:rPr lang="en-US" sz="3200" b="1" smtClean="0"/>
            </a:br>
            <a:endParaRPr lang="ru-RU" sz="3200" b="1" dirty="0"/>
          </a:p>
        </p:txBody>
      </p:sp>
    </p:spTree>
    <p:extLst>
      <p:ext uri="{BB962C8B-B14F-4D97-AF65-F5344CB8AC3E}">
        <p14:creationId xmlns:p14="http://schemas.microsoft.com/office/powerpoint/2010/main" val="231858839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33400" y="228600"/>
            <a:ext cx="7772400" cy="762000"/>
          </a:xfrm>
        </p:spPr>
        <p:txBody>
          <a:bodyPr anchor="t">
            <a:normAutofit fontScale="90000"/>
          </a:bodyPr>
          <a:lstStyle/>
          <a:p>
            <a:pPr algn="l"/>
            <a:r>
              <a:rPr lang="en-US" sz="3200" b="1" dirty="0"/>
              <a:t>Nested Sets</a:t>
            </a:r>
            <a:br>
              <a:rPr lang="en-US" sz="3200" b="1" dirty="0"/>
            </a:br>
            <a:endParaRPr lang="ru-RU" sz="3200" b="1" dirty="0"/>
          </a:p>
        </p:txBody>
      </p:sp>
      <p:pic>
        <p:nvPicPr>
          <p:cNvPr id="18" name="Picture 17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33400" y="1087905"/>
            <a:ext cx="11125200" cy="48742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4155793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81000" y="152400"/>
            <a:ext cx="7772400" cy="2057400"/>
          </a:xfrm>
        </p:spPr>
        <p:txBody>
          <a:bodyPr anchor="t">
            <a:normAutofit/>
          </a:bodyPr>
          <a:lstStyle/>
          <a:p>
            <a:pPr algn="l"/>
            <a:r>
              <a:rPr lang="en-US" sz="3200" b="1" dirty="0" smtClean="0"/>
              <a:t>Nested Sets</a:t>
            </a:r>
            <a:endParaRPr lang="ru-RU" sz="3200" b="1" dirty="0"/>
          </a:p>
        </p:txBody>
      </p:sp>
      <p:sp>
        <p:nvSpPr>
          <p:cNvPr id="11" name="Title 1"/>
          <p:cNvSpPr txBox="1">
            <a:spLocks/>
          </p:cNvSpPr>
          <p:nvPr/>
        </p:nvSpPr>
        <p:spPr>
          <a:xfrm>
            <a:off x="381000" y="1828800"/>
            <a:ext cx="7772400" cy="358140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Segoe UI" panose="020B0502040204020203" pitchFamily="34" charset="0"/>
                <a:ea typeface="+mj-ea"/>
                <a:cs typeface="Segoe UI" panose="020B0502040204020203" pitchFamily="34" charset="0"/>
              </a:defRPr>
            </a:lvl1pPr>
          </a:lstStyle>
          <a:p>
            <a:pPr algn="l"/>
            <a:endParaRPr lang="ru-RU" sz="3200" dirty="0">
              <a:solidFill>
                <a:prstClr val="black"/>
              </a:solidFill>
            </a:endParaRPr>
          </a:p>
        </p:txBody>
      </p:sp>
      <p:sp>
        <p:nvSpPr>
          <p:cNvPr id="13" name="Content Placeholder 2"/>
          <p:cNvSpPr txBox="1">
            <a:spLocks/>
          </p:cNvSpPr>
          <p:nvPr/>
        </p:nvSpPr>
        <p:spPr>
          <a:xfrm>
            <a:off x="609600" y="975360"/>
            <a:ext cx="12811760" cy="5527039"/>
          </a:xfrm>
          <a:prstGeom prst="rect">
            <a:avLst/>
          </a:prstGeom>
        </p:spPr>
        <p:txBody>
          <a:bodyPr vert="horz" lIns="91440" tIns="45720" rIns="91440" bIns="45720" rtlCol="0">
            <a:normAutofit fontScale="92500" lnSpcReduction="20000"/>
          </a:bodyPr>
          <a:lstStyle>
            <a:lvl1pPr marL="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3200" kern="1200">
                <a:solidFill>
                  <a:schemeClr val="tx1">
                    <a:tint val="75000"/>
                  </a:schemeClr>
                </a:solidFill>
                <a:latin typeface="Segoe UI" panose="020B0502040204020203" pitchFamily="34" charset="0"/>
                <a:ea typeface="+mn-ea"/>
                <a:cs typeface="Segoe UI" panose="020B0502040204020203" pitchFamily="34" charset="0"/>
              </a:defRPr>
            </a:lvl1pPr>
            <a:lvl2pPr marL="4572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800" kern="1200">
                <a:solidFill>
                  <a:schemeClr val="tx1">
                    <a:tint val="75000"/>
                  </a:schemeClr>
                </a:solidFill>
                <a:latin typeface="Segoe UI" panose="020B0502040204020203" pitchFamily="34" charset="0"/>
                <a:ea typeface="+mn-ea"/>
                <a:cs typeface="Segoe UI" panose="020B0502040204020203" pitchFamily="34" charset="0"/>
              </a:defRPr>
            </a:lvl2pPr>
            <a:lvl3pPr marL="9144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400" kern="1200">
                <a:solidFill>
                  <a:schemeClr val="tx1">
                    <a:tint val="75000"/>
                  </a:schemeClr>
                </a:solidFill>
                <a:latin typeface="Segoe UI" panose="020B0502040204020203" pitchFamily="34" charset="0"/>
                <a:ea typeface="+mn-ea"/>
                <a:cs typeface="Segoe UI" panose="020B0502040204020203" pitchFamily="34" charset="0"/>
              </a:defRPr>
            </a:lvl3pPr>
            <a:lvl4pPr marL="13716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Segoe UI" panose="020B0502040204020203" pitchFamily="34" charset="0"/>
                <a:ea typeface="+mn-ea"/>
                <a:cs typeface="Segoe UI" panose="020B0502040204020203" pitchFamily="34" charset="0"/>
              </a:defRPr>
            </a:lvl4pPr>
            <a:lvl5pPr marL="18288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Segoe UI" panose="020B0502040204020203" pitchFamily="34" charset="0"/>
                <a:ea typeface="+mn-ea"/>
                <a:cs typeface="Segoe UI" panose="020B0502040204020203" pitchFamily="34" charset="0"/>
              </a:defRPr>
            </a:lvl5pPr>
            <a:lvl6pPr marL="22860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/>
            <a:r>
              <a:rPr lang="ru-RU" sz="24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Выборка </a:t>
            </a:r>
            <a:r>
              <a:rPr lang="ru-RU" sz="2400" dirty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пути до узла </a:t>
            </a:r>
            <a:r>
              <a:rPr lang="en-US" sz="2400" dirty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(breadcrumbs):</a:t>
            </a:r>
          </a:p>
          <a:p>
            <a:pPr algn="l"/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SELECT</a:t>
            </a:r>
            <a:endParaRPr lang="en-US" sz="20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*</a:t>
            </a:r>
          </a:p>
          <a:p>
            <a:pPr algn="l"/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FROM</a:t>
            </a:r>
            <a:endParaRPr lang="en-US" sz="20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r>
              <a:rPr lang="en-US" sz="2000" dirty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comments child</a:t>
            </a:r>
          </a:p>
          <a:p>
            <a:pPr algn="l"/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JOIN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comments ancestor </a:t>
            </a:r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ON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dirty="0" err="1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child.left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BETWEEN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dirty="0" err="1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ancestor.left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AND </a:t>
            </a:r>
            <a:r>
              <a:rPr lang="en-US" sz="2000" dirty="0" err="1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ancestor.right</a:t>
            </a:r>
            <a:endParaRPr lang="en-US" sz="2000" dirty="0" smtClean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WHERE</a:t>
            </a:r>
            <a:endParaRPr lang="en-US" sz="20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</a:t>
            </a:r>
            <a:r>
              <a:rPr lang="en-US" sz="2000" dirty="0" err="1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child.comment_id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= 2;</a:t>
            </a:r>
            <a:endParaRPr lang="en-US" sz="20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endParaRPr lang="en-US" sz="2400" dirty="0" smtClean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endParaRPr lang="en-US" sz="24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r>
              <a:rPr lang="ru-RU" sz="2400" dirty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Выборка поддерева</a:t>
            </a:r>
            <a:r>
              <a:rPr lang="en-US" sz="2400" dirty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:</a:t>
            </a:r>
          </a:p>
          <a:p>
            <a:pPr algn="l"/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SELECT</a:t>
            </a:r>
            <a:endParaRPr lang="en-US" sz="20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r>
              <a:rPr lang="en-US" sz="2000" dirty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*</a:t>
            </a:r>
          </a:p>
          <a:p>
            <a:pPr algn="l"/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FROM</a:t>
            </a:r>
            <a:endParaRPr lang="en-US" sz="20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comments parent</a:t>
            </a:r>
            <a:endParaRPr lang="en-US" sz="20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JOIN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comments 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descendant </a:t>
            </a:r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ON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dirty="0" err="1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descendant.left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BETWEEN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dirty="0" err="1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parent.left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AND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en-US" sz="2000" dirty="0" err="1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parent.right</a:t>
            </a:r>
            <a:endParaRPr lang="en-US" sz="20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r>
              <a:rPr lang="en-US" sz="2000" b="1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WHERE</a:t>
            </a:r>
            <a:endParaRPr lang="en-US" sz="20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pPr algn="l"/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</a:t>
            </a:r>
            <a:r>
              <a:rPr lang="en-US" sz="2000" dirty="0" err="1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parent.comment_id</a:t>
            </a:r>
            <a:r>
              <a:rPr lang="en-US" sz="2000" dirty="0" smtClean="0">
                <a:solidFill>
                  <a:prstClr val="black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= 4;</a:t>
            </a:r>
            <a:endParaRPr lang="en-US" sz="20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5187075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28700" y="1120943"/>
            <a:ext cx="10629900" cy="4746457"/>
          </a:xfrm>
        </p:spPr>
        <p:txBody>
          <a:bodyPr anchor="t">
            <a:normAutofit/>
          </a:bodyPr>
          <a:lstStyle/>
          <a:p>
            <a:pPr algn="l"/>
            <a:r>
              <a:rPr lang="ru-RU" sz="3200" dirty="0"/>
              <a:t>+ Выборка поддерева</a:t>
            </a:r>
            <a:br>
              <a:rPr lang="ru-RU" sz="3200" dirty="0"/>
            </a:br>
            <a:r>
              <a:rPr lang="ru-RU" sz="3200" dirty="0"/>
              <a:t>+ Выборка пути до узла (</a:t>
            </a:r>
            <a:r>
              <a:rPr lang="en-US" sz="3200" dirty="0"/>
              <a:t>breadcrumbs</a:t>
            </a:r>
            <a:r>
              <a:rPr lang="ru-RU" sz="3200" dirty="0"/>
              <a:t>)</a:t>
            </a:r>
            <a:br>
              <a:rPr lang="ru-RU" sz="3200" dirty="0"/>
            </a:br>
            <a:r>
              <a:rPr lang="ru-RU" sz="3200" dirty="0"/>
              <a:t/>
            </a:r>
            <a:br>
              <a:rPr lang="ru-RU" sz="3200" dirty="0"/>
            </a:br>
            <a:r>
              <a:rPr lang="ru-RU" sz="3200" dirty="0"/>
              <a:t>- Выборка одного уровня иерархии</a:t>
            </a:r>
            <a:br>
              <a:rPr lang="ru-RU" sz="3200" dirty="0"/>
            </a:br>
            <a:r>
              <a:rPr lang="ru-RU" sz="3200" dirty="0"/>
              <a:t>- Изменение структуры (добавление, перемещение, удаление)</a:t>
            </a:r>
          </a:p>
        </p:txBody>
      </p:sp>
      <p:sp>
        <p:nvSpPr>
          <p:cNvPr id="10" name="Title 1"/>
          <p:cNvSpPr txBox="1">
            <a:spLocks/>
          </p:cNvSpPr>
          <p:nvPr/>
        </p:nvSpPr>
        <p:spPr>
          <a:xfrm>
            <a:off x="533400" y="228600"/>
            <a:ext cx="7772400" cy="762000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82500" lnSpcReduction="20000"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Segoe UI" panose="020B0502040204020203" pitchFamily="34" charset="0"/>
                <a:ea typeface="+mj-ea"/>
                <a:cs typeface="Segoe UI" panose="020B0502040204020203" pitchFamily="34" charset="0"/>
              </a:defRPr>
            </a:lvl1pPr>
          </a:lstStyle>
          <a:p>
            <a:pPr algn="l"/>
            <a:r>
              <a:rPr lang="en-US" sz="3200" b="1" smtClean="0"/>
              <a:t>Nested Sets</a:t>
            </a:r>
            <a:br>
              <a:rPr lang="en-US" sz="3200" b="1" smtClean="0"/>
            </a:br>
            <a:endParaRPr lang="ru-RU" sz="3200" b="1" dirty="0"/>
          </a:p>
        </p:txBody>
      </p:sp>
    </p:spTree>
    <p:extLst>
      <p:ext uri="{BB962C8B-B14F-4D97-AF65-F5344CB8AC3E}">
        <p14:creationId xmlns:p14="http://schemas.microsoft.com/office/powerpoint/2010/main" val="2356378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88172" y="-29584"/>
            <a:ext cx="7772400" cy="2057400"/>
          </a:xfrm>
        </p:spPr>
        <p:txBody>
          <a:bodyPr anchor="t">
            <a:normAutofit/>
          </a:bodyPr>
          <a:lstStyle/>
          <a:p>
            <a:pPr algn="l"/>
            <a:r>
              <a:rPr lang="en-US" sz="3200" b="1" dirty="0"/>
              <a:t>Closure Table</a:t>
            </a:r>
            <a:endParaRPr lang="ru-RU" sz="3200" b="1" dirty="0"/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33281" y="502456"/>
            <a:ext cx="3200639" cy="2734772"/>
          </a:xfrm>
          <a:prstGeom prst="rect">
            <a:avLst/>
          </a:prstGeom>
        </p:spPr>
      </p:pic>
      <p:graphicFrame>
        <p:nvGraphicFramePr>
          <p:cNvPr id="9" name="Object 8"/>
          <p:cNvGraphicFramePr>
            <a:graphicFrameLocks noChangeAspect="1"/>
          </p:cNvGraphicFramePr>
          <p:nvPr>
            <p:extLst/>
          </p:nvPr>
        </p:nvGraphicFramePr>
        <p:xfrm>
          <a:off x="1055594" y="3501988"/>
          <a:ext cx="2312514" cy="2365411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084" name="Worksheet" r:id="rId5" imgW="2706624" imgH="2768267" progId="Excel.Sheet.12">
                  <p:embed/>
                </p:oleObj>
              </mc:Choice>
              <mc:Fallback>
                <p:oleObj name="Worksheet" r:id="rId5" imgW="2706624" imgH="2768267" progId="Excel.Sheet.12">
                  <p:embed/>
                  <p:pic>
                    <p:nvPicPr>
                      <p:cNvPr id="0" name=""/>
                      <p:cNvPicPr/>
                      <p:nvPr/>
                    </p:nvPicPr>
                    <p:blipFill>
                      <a:blip r:embed="rId6"/>
                      <a:stretch>
                        <a:fillRect/>
                      </a:stretch>
                    </p:blipFill>
                    <p:spPr>
                      <a:xfrm>
                        <a:off x="1055594" y="3501988"/>
                        <a:ext cx="2312514" cy="2365411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1" name="Object 10"/>
          <p:cNvGraphicFramePr>
            <a:graphicFrameLocks noChangeAspect="1"/>
          </p:cNvGraphicFramePr>
          <p:nvPr>
            <p:extLst/>
          </p:nvPr>
        </p:nvGraphicFramePr>
        <p:xfrm>
          <a:off x="5410200" y="304799"/>
          <a:ext cx="4800600" cy="549060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085" name="Worksheet" r:id="rId7" imgW="4661647" imgH="5330085" progId="Excel.Sheet.12">
                  <p:embed/>
                </p:oleObj>
              </mc:Choice>
              <mc:Fallback>
                <p:oleObj name="Worksheet" r:id="rId7" imgW="4661647" imgH="5330085" progId="Excel.Sheet.12">
                  <p:embed/>
                  <p:pic>
                    <p:nvPicPr>
                      <p:cNvPr id="0" name=""/>
                      <p:cNvPicPr/>
                      <p:nvPr/>
                    </p:nvPicPr>
                    <p:blipFill>
                      <a:blip r:embed="rId8"/>
                      <a:stretch>
                        <a:fillRect/>
                      </a:stretch>
                    </p:blipFill>
                    <p:spPr>
                      <a:xfrm>
                        <a:off x="5410200" y="304799"/>
                        <a:ext cx="4800600" cy="5490605"/>
                      </a:xfrm>
                      <a:prstGeom prst="rect">
                        <a:avLst/>
                      </a:prstGeom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6" name="Group 5"/>
          <p:cNvGrpSpPr/>
          <p:nvPr/>
        </p:nvGrpSpPr>
        <p:grpSpPr>
          <a:xfrm>
            <a:off x="5410200" y="1219200"/>
            <a:ext cx="4804186" cy="3657600"/>
            <a:chOff x="5410200" y="1219200"/>
            <a:chExt cx="4804186" cy="3657600"/>
          </a:xfrm>
        </p:grpSpPr>
        <p:sp>
          <p:nvSpPr>
            <p:cNvPr id="3" name="Rectangle 2"/>
            <p:cNvSpPr/>
            <p:nvPr/>
          </p:nvSpPr>
          <p:spPr>
            <a:xfrm>
              <a:off x="5410200" y="1219200"/>
              <a:ext cx="4800600" cy="914400"/>
            </a:xfrm>
            <a:prstGeom prst="rect">
              <a:avLst/>
            </a:prstGeom>
            <a:noFill/>
            <a:ln w="762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5" name="Rectangle 14"/>
            <p:cNvSpPr/>
            <p:nvPr/>
          </p:nvSpPr>
          <p:spPr>
            <a:xfrm>
              <a:off x="5413786" y="3962400"/>
              <a:ext cx="4800600" cy="914400"/>
            </a:xfrm>
            <a:prstGeom prst="rect">
              <a:avLst/>
            </a:prstGeom>
            <a:noFill/>
            <a:ln w="762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</p:grpSp>
      <p:sp>
        <p:nvSpPr>
          <p:cNvPr id="18" name="Rectangle 17"/>
          <p:cNvSpPr/>
          <p:nvPr/>
        </p:nvSpPr>
        <p:spPr>
          <a:xfrm>
            <a:off x="5410200" y="2129396"/>
            <a:ext cx="4800600" cy="914400"/>
          </a:xfrm>
          <a:prstGeom prst="rect">
            <a:avLst/>
          </a:prstGeom>
          <a:noFill/>
          <a:ln w="76200"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grpSp>
        <p:nvGrpSpPr>
          <p:cNvPr id="8" name="Group 7"/>
          <p:cNvGrpSpPr/>
          <p:nvPr/>
        </p:nvGrpSpPr>
        <p:grpSpPr>
          <a:xfrm>
            <a:off x="5410200" y="772478"/>
            <a:ext cx="4818530" cy="4979016"/>
            <a:chOff x="5410200" y="772478"/>
            <a:chExt cx="4818530" cy="4979016"/>
          </a:xfrm>
        </p:grpSpPr>
        <p:sp>
          <p:nvSpPr>
            <p:cNvPr id="22" name="Rectangle 21"/>
            <p:cNvSpPr/>
            <p:nvPr/>
          </p:nvSpPr>
          <p:spPr>
            <a:xfrm>
              <a:off x="5413786" y="772478"/>
              <a:ext cx="4800600" cy="438314"/>
            </a:xfrm>
            <a:prstGeom prst="rect">
              <a:avLst/>
            </a:prstGeom>
            <a:noFill/>
            <a:ln w="76200">
              <a:solidFill>
                <a:srgbClr val="00B05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23" name="Rectangle 22"/>
            <p:cNvSpPr/>
            <p:nvPr/>
          </p:nvSpPr>
          <p:spPr>
            <a:xfrm>
              <a:off x="5428130" y="3057442"/>
              <a:ext cx="4800600" cy="896549"/>
            </a:xfrm>
            <a:prstGeom prst="rect">
              <a:avLst/>
            </a:prstGeom>
            <a:noFill/>
            <a:ln w="76200">
              <a:solidFill>
                <a:srgbClr val="00B05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24" name="Rectangle 23"/>
            <p:cNvSpPr/>
            <p:nvPr/>
          </p:nvSpPr>
          <p:spPr>
            <a:xfrm>
              <a:off x="5410200" y="4854945"/>
              <a:ext cx="4800600" cy="896549"/>
            </a:xfrm>
            <a:prstGeom prst="rect">
              <a:avLst/>
            </a:prstGeom>
            <a:noFill/>
            <a:ln w="76200">
              <a:solidFill>
                <a:srgbClr val="00B05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</p:grpSp>
    </p:spTree>
    <p:extLst>
      <p:ext uri="{BB962C8B-B14F-4D97-AF65-F5344CB8AC3E}">
        <p14:creationId xmlns:p14="http://schemas.microsoft.com/office/powerpoint/2010/main" val="42277026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09600" y="1676399"/>
            <a:ext cx="11506200" cy="4449765"/>
          </a:xfrm>
        </p:spPr>
        <p:txBody>
          <a:bodyPr/>
          <a:lstStyle/>
          <a:p>
            <a:pPr marL="0" indent="0">
              <a:buNone/>
            </a:pPr>
            <a:r>
              <a:rPr lang="ru-RU" dirty="0" smtClean="0"/>
              <a:t>Выборка поддерева</a:t>
            </a:r>
            <a:r>
              <a:rPr lang="en-US" dirty="0" smtClean="0"/>
              <a:t>:</a:t>
            </a:r>
          </a:p>
          <a:p>
            <a:pPr marL="0" indent="0">
              <a:buNone/>
            </a:pPr>
            <a:r>
              <a:rPr lang="en-US" b="1" dirty="0" smtClean="0"/>
              <a:t>SELECT</a:t>
            </a:r>
            <a:endParaRPr lang="en-US" dirty="0"/>
          </a:p>
          <a:p>
            <a:pPr marL="0" indent="0">
              <a:buNone/>
            </a:pPr>
            <a:r>
              <a:rPr lang="en-US" dirty="0" smtClean="0"/>
              <a:t>  comments.*</a:t>
            </a:r>
            <a:endParaRPr lang="en-US" dirty="0"/>
          </a:p>
          <a:p>
            <a:pPr marL="0" indent="0">
              <a:buNone/>
            </a:pPr>
            <a:r>
              <a:rPr lang="en-US" b="1" dirty="0" smtClean="0"/>
              <a:t>FROM</a:t>
            </a:r>
            <a:endParaRPr lang="en-US" dirty="0"/>
          </a:p>
          <a:p>
            <a:pPr marL="0" indent="0">
              <a:buNone/>
            </a:pPr>
            <a:r>
              <a:rPr lang="en-US" dirty="0" smtClean="0"/>
              <a:t>  comments</a:t>
            </a:r>
            <a:endParaRPr lang="ru-RU" dirty="0" smtClean="0"/>
          </a:p>
          <a:p>
            <a:pPr marL="0" indent="0">
              <a:buNone/>
            </a:pPr>
            <a:r>
              <a:rPr lang="en-US" b="1" dirty="0" smtClean="0"/>
              <a:t>  INNER JOIN</a:t>
            </a:r>
            <a:r>
              <a:rPr lang="en-US" dirty="0" smtClean="0"/>
              <a:t> closure </a:t>
            </a:r>
            <a:r>
              <a:rPr lang="en-US" b="1" dirty="0" smtClean="0"/>
              <a:t>ON</a:t>
            </a:r>
            <a:r>
              <a:rPr lang="ru-RU" dirty="0" smtClean="0"/>
              <a:t> </a:t>
            </a:r>
            <a:r>
              <a:rPr lang="en-US" dirty="0" err="1" smtClean="0"/>
              <a:t>comments.comment_id</a:t>
            </a:r>
            <a:r>
              <a:rPr lang="en-US" dirty="0" smtClean="0"/>
              <a:t> = </a:t>
            </a:r>
            <a:r>
              <a:rPr lang="en-US" dirty="0" err="1" smtClean="0"/>
              <a:t>closure.child_id</a:t>
            </a:r>
            <a:endParaRPr lang="en-US" dirty="0"/>
          </a:p>
          <a:p>
            <a:pPr marL="0" indent="0">
              <a:buNone/>
            </a:pPr>
            <a:r>
              <a:rPr lang="en-US" b="1" dirty="0" smtClean="0"/>
              <a:t>WHERE</a:t>
            </a:r>
            <a:endParaRPr lang="en-US" dirty="0"/>
          </a:p>
          <a:p>
            <a:pPr marL="0" indent="0">
              <a:buNone/>
            </a:pPr>
            <a:r>
              <a:rPr lang="en-US" dirty="0" smtClean="0"/>
              <a:t>  </a:t>
            </a:r>
            <a:r>
              <a:rPr lang="en-US" dirty="0" err="1" smtClean="0"/>
              <a:t>closure.parent_id</a:t>
            </a:r>
            <a:r>
              <a:rPr lang="en-US" dirty="0" smtClean="0"/>
              <a:t> = 4;</a:t>
            </a:r>
          </a:p>
          <a:p>
            <a:pPr marL="0" indent="0">
              <a:buNone/>
            </a:pPr>
            <a:endParaRPr lang="en-US" dirty="0" smtClean="0"/>
          </a:p>
        </p:txBody>
      </p:sp>
      <p:sp>
        <p:nvSpPr>
          <p:cNvPr id="8" name="Title 1"/>
          <p:cNvSpPr txBox="1">
            <a:spLocks/>
          </p:cNvSpPr>
          <p:nvPr/>
        </p:nvSpPr>
        <p:spPr>
          <a:xfrm>
            <a:off x="381000" y="152400"/>
            <a:ext cx="7772400" cy="205740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Segoe UI" panose="020B0502040204020203" pitchFamily="34" charset="0"/>
                <a:ea typeface="+mj-ea"/>
                <a:cs typeface="Segoe UI" panose="020B0502040204020203" pitchFamily="34" charset="0"/>
              </a:defRPr>
            </a:lvl1pPr>
          </a:lstStyle>
          <a:p>
            <a:pPr algn="l"/>
            <a:r>
              <a:rPr lang="en-US" sz="3200" b="1" dirty="0" smtClean="0"/>
              <a:t>Closure Table</a:t>
            </a:r>
            <a:endParaRPr lang="ru-RU" sz="3200" b="1" dirty="0"/>
          </a:p>
        </p:txBody>
      </p:sp>
    </p:spTree>
    <p:extLst>
      <p:ext uri="{BB962C8B-B14F-4D97-AF65-F5344CB8AC3E}">
        <p14:creationId xmlns:p14="http://schemas.microsoft.com/office/powerpoint/2010/main" val="21355829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76199" y="152400"/>
            <a:ext cx="9685483" cy="5970348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495800" y="476408"/>
            <a:ext cx="6019800" cy="3886200"/>
          </a:xfrm>
        </p:spPr>
        <p:txBody>
          <a:bodyPr anchor="t">
            <a:normAutofit/>
          </a:bodyPr>
          <a:lstStyle/>
          <a:p>
            <a:pPr algn="l"/>
            <a:r>
              <a:rPr lang="ru-RU" sz="3200" dirty="0"/>
              <a:t>+ Все операции шустрые</a:t>
            </a:r>
            <a:br>
              <a:rPr lang="ru-RU" sz="3200" dirty="0"/>
            </a:br>
            <a:r>
              <a:rPr lang="ru-RU" sz="3200" dirty="0"/>
              <a:t/>
            </a:r>
            <a:br>
              <a:rPr lang="ru-RU" sz="3200" dirty="0"/>
            </a:br>
            <a:r>
              <a:rPr lang="ru-RU" sz="3200" dirty="0"/>
              <a:t/>
            </a:r>
            <a:br>
              <a:rPr lang="ru-RU" sz="3200" dirty="0"/>
            </a:br>
            <a:r>
              <a:rPr lang="ru-RU" sz="3200" dirty="0"/>
              <a:t>- … пока дерево не достигает слишком большой глубины.</a:t>
            </a:r>
          </a:p>
        </p:txBody>
      </p:sp>
    </p:spTree>
    <p:extLst>
      <p:ext uri="{BB962C8B-B14F-4D97-AF65-F5344CB8AC3E}">
        <p14:creationId xmlns:p14="http://schemas.microsoft.com/office/powerpoint/2010/main" val="164882142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838200" y="1066800"/>
            <a:ext cx="10972800" cy="2533650"/>
          </a:xfrm>
        </p:spPr>
        <p:txBody>
          <a:bodyPr>
            <a:noAutofit/>
          </a:bodyPr>
          <a:lstStyle/>
          <a:p>
            <a:pPr algn="l"/>
            <a:r>
              <a:rPr lang="ru-RU" sz="6000" dirty="0"/>
              <a:t>Управление иерархическими структурами данных, </a:t>
            </a:r>
            <a:r>
              <a:rPr lang="ru-RU" sz="6000" dirty="0" smtClean="0"/>
              <a:t/>
            </a:r>
            <a:br>
              <a:rPr lang="ru-RU" sz="6000" dirty="0" smtClean="0"/>
            </a:br>
            <a:r>
              <a:rPr lang="ru-RU" sz="6000" dirty="0" smtClean="0"/>
              <a:t>на </a:t>
            </a:r>
            <a:r>
              <a:rPr lang="ru-RU" sz="6000" dirty="0"/>
              <a:t>примере MySQL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838200" y="4343400"/>
            <a:ext cx="5334000" cy="1066800"/>
          </a:xfrm>
        </p:spPr>
        <p:txBody>
          <a:bodyPr>
            <a:normAutofit/>
          </a:bodyPr>
          <a:lstStyle/>
          <a:p>
            <a:pPr algn="l"/>
            <a:r>
              <a:rPr lang="ru-RU" dirty="0" err="1" smtClean="0">
                <a:latin typeface="Segoe UI" panose="020B0502040204020203" pitchFamily="34" charset="0"/>
                <a:cs typeface="Segoe UI" panose="020B0502040204020203" pitchFamily="34" charset="0"/>
              </a:rPr>
              <a:t>Ванясин</a:t>
            </a:r>
            <a:r>
              <a:rPr lang="ru-RU" dirty="0" smtClean="0"/>
              <a:t> Никита, </a:t>
            </a:r>
            <a:r>
              <a:rPr lang="en-US" dirty="0" err="1" smtClean="0">
                <a:latin typeface="Segoe UI" panose="020B0502040204020203" pitchFamily="34" charset="0"/>
                <a:cs typeface="Segoe UI" panose="020B0502040204020203" pitchFamily="34" charset="0"/>
              </a:rPr>
              <a:t>iSpring</a:t>
            </a:r>
            <a:endParaRPr lang="ru-RU" dirty="0" smtClean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 algn="l"/>
            <a:r>
              <a:rPr lang="ru-RU" dirty="0" smtClean="0"/>
              <a:t>Йошкар-Ола</a:t>
            </a:r>
            <a:endParaRPr lang="en-US" dirty="0">
              <a:latin typeface="Segoe UI" panose="020B0502040204020203" pitchFamily="34" charset="0"/>
              <a:cs typeface="Segoe UI" panose="020B0502040204020203" pitchFamily="34" charset="0"/>
            </a:endParaRPr>
          </a:p>
          <a:p>
            <a:pPr algn="l"/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6180741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2514600" y="152400"/>
            <a:ext cx="7772400" cy="609600"/>
          </a:xfrm>
        </p:spPr>
        <p:txBody>
          <a:bodyPr anchor="t">
            <a:normAutofit/>
          </a:bodyPr>
          <a:lstStyle/>
          <a:p>
            <a:pPr algn="l"/>
            <a:r>
              <a:rPr lang="ru-RU" sz="3200" dirty="0"/>
              <a:t>Выбор наиболее подходящего метода</a:t>
            </a:r>
          </a:p>
        </p:txBody>
      </p:sp>
      <p:graphicFrame>
        <p:nvGraphicFramePr>
          <p:cNvPr id="3" name="Table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237414335"/>
              </p:ext>
            </p:extLst>
          </p:nvPr>
        </p:nvGraphicFramePr>
        <p:xfrm>
          <a:off x="0" y="914470"/>
          <a:ext cx="12192000" cy="4827277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828800"/>
                <a:gridCol w="1524000"/>
                <a:gridCol w="1422400"/>
                <a:gridCol w="1422400"/>
                <a:gridCol w="1422400"/>
                <a:gridCol w="1219200"/>
                <a:gridCol w="1828800"/>
                <a:gridCol w="1524000"/>
              </a:tblGrid>
              <a:tr h="889235">
                <a:tc>
                  <a:txBody>
                    <a:bodyPr/>
                    <a:lstStyle/>
                    <a:p>
                      <a:pPr algn="ctr"/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800" dirty="0" smtClean="0"/>
                        <a:t>Количество</a:t>
                      </a:r>
                      <a:r>
                        <a:rPr lang="ru-RU" sz="1800" baseline="0" dirty="0" smtClean="0"/>
                        <a:t> таблиц</a:t>
                      </a:r>
                      <a:endParaRPr lang="ru-RU" sz="18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800" dirty="0" smtClean="0"/>
                        <a:t>Выборка</a:t>
                      </a:r>
                      <a:r>
                        <a:rPr lang="ru-RU" sz="1800" baseline="0" dirty="0" smtClean="0"/>
                        <a:t> потомков</a:t>
                      </a:r>
                      <a:endParaRPr lang="ru-RU" sz="18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800" dirty="0" smtClean="0"/>
                        <a:t>Выборка поддерева</a:t>
                      </a:r>
                      <a:endParaRPr lang="ru-RU" sz="18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800" dirty="0" smtClean="0"/>
                        <a:t>Удаление узла</a:t>
                      </a:r>
                      <a:endParaRPr lang="ru-RU" sz="18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800" dirty="0" smtClean="0"/>
                        <a:t>Вставка узла</a:t>
                      </a:r>
                      <a:endParaRPr lang="ru-RU" sz="18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800" dirty="0" smtClean="0"/>
                        <a:t>Перемещение поддерева</a:t>
                      </a:r>
                      <a:endParaRPr lang="ru-RU" sz="18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800" dirty="0" smtClean="0"/>
                        <a:t>Ссылочная целостность</a:t>
                      </a:r>
                      <a:endParaRPr lang="ru-RU" sz="1800" dirty="0"/>
                    </a:p>
                  </a:txBody>
                  <a:tcPr anchor="ctr"/>
                </a:tc>
              </a:tr>
              <a:tr h="889235">
                <a:tc>
                  <a:txBody>
                    <a:bodyPr/>
                    <a:lstStyle/>
                    <a:p>
                      <a:pPr algn="l"/>
                      <a:r>
                        <a:rPr lang="en-US" sz="2000" dirty="0" smtClean="0"/>
                        <a:t>Adjacency</a:t>
                      </a:r>
                      <a:r>
                        <a:rPr lang="en-US" sz="2000" baseline="0" dirty="0" smtClean="0"/>
                        <a:t> List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2000" dirty="0" smtClean="0"/>
                        <a:t>1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Easy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Hard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Easy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Easy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Easy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Yes</a:t>
                      </a:r>
                      <a:endParaRPr lang="ru-RU" sz="2000" dirty="0"/>
                    </a:p>
                  </a:txBody>
                  <a:tcPr anchor="ctr"/>
                </a:tc>
              </a:tr>
              <a:tr h="1270337">
                <a:tc>
                  <a:txBody>
                    <a:bodyPr/>
                    <a:lstStyle/>
                    <a:p>
                      <a:pPr algn="l"/>
                      <a:r>
                        <a:rPr lang="en-US" sz="2000" dirty="0" smtClean="0"/>
                        <a:t>Path</a:t>
                      </a:r>
                      <a:r>
                        <a:rPr lang="en-US" sz="2000" baseline="0" dirty="0" smtClean="0"/>
                        <a:t> Enumeration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2000" dirty="0" smtClean="0"/>
                        <a:t>1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Hard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Easy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Easy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Easy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Easy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No</a:t>
                      </a:r>
                      <a:endParaRPr lang="ru-RU" sz="2000" dirty="0"/>
                    </a:p>
                  </a:txBody>
                  <a:tcPr anchor="ctr"/>
                </a:tc>
              </a:tr>
              <a:tr h="889235">
                <a:tc>
                  <a:txBody>
                    <a:bodyPr/>
                    <a:lstStyle/>
                    <a:p>
                      <a:pPr algn="l"/>
                      <a:r>
                        <a:rPr lang="en-US" sz="2000" dirty="0" smtClean="0"/>
                        <a:t>Nested Set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2000" dirty="0" smtClean="0"/>
                        <a:t>1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Hard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Easy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Hard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Hard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Hard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No</a:t>
                      </a:r>
                      <a:endParaRPr lang="ru-RU" sz="2000" dirty="0"/>
                    </a:p>
                  </a:txBody>
                  <a:tcPr anchor="ctr"/>
                </a:tc>
              </a:tr>
              <a:tr h="889235">
                <a:tc>
                  <a:txBody>
                    <a:bodyPr/>
                    <a:lstStyle/>
                    <a:p>
                      <a:pPr algn="l"/>
                      <a:r>
                        <a:rPr lang="en-US" sz="2000" dirty="0" smtClean="0"/>
                        <a:t>Closure Table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2000" dirty="0" smtClean="0"/>
                        <a:t>2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Easy</a:t>
                      </a:r>
                      <a:endParaRPr lang="ru-RU" sz="20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Easy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Easy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Easy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dirty="0" smtClean="0"/>
                        <a:t>Easy</a:t>
                      </a:r>
                      <a:endParaRPr lang="ru-RU" sz="2000" dirty="0" smtClean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dirty="0" smtClean="0"/>
                        <a:t>Yes</a:t>
                      </a:r>
                      <a:endParaRPr lang="ru-RU" sz="2000" dirty="0"/>
                    </a:p>
                  </a:txBody>
                  <a:tcPr anchor="ctr"/>
                </a:tc>
              </a:tr>
            </a:tbl>
          </a:graphicData>
        </a:graphic>
      </p:graphicFrame>
      <p:sp>
        <p:nvSpPr>
          <p:cNvPr id="7" name="Title 1"/>
          <p:cNvSpPr txBox="1">
            <a:spLocks/>
          </p:cNvSpPr>
          <p:nvPr/>
        </p:nvSpPr>
        <p:spPr>
          <a:xfrm>
            <a:off x="8001000" y="5867400"/>
            <a:ext cx="3546513" cy="38100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r>
              <a:rPr lang="en-US" sz="1600" dirty="0"/>
              <a:t>Bill </a:t>
            </a:r>
            <a:r>
              <a:rPr lang="en-US" sz="1600" dirty="0" err="1"/>
              <a:t>Karwin</a:t>
            </a:r>
            <a:r>
              <a:rPr lang="ru-RU" sz="1600" dirty="0"/>
              <a:t>, </a:t>
            </a:r>
            <a:r>
              <a:rPr lang="en-US" sz="1600" dirty="0"/>
              <a:t>Models For Hierarchical Data</a:t>
            </a:r>
            <a:endParaRPr lang="ru-RU" sz="1600" dirty="0"/>
          </a:p>
        </p:txBody>
      </p:sp>
    </p:spTree>
    <p:extLst>
      <p:ext uri="{BB962C8B-B14F-4D97-AF65-F5344CB8AC3E}">
        <p14:creationId xmlns:p14="http://schemas.microsoft.com/office/powerpoint/2010/main" val="114756435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05000" y="4543425"/>
            <a:ext cx="4191000" cy="1371600"/>
          </a:xfrm>
        </p:spPr>
        <p:txBody>
          <a:bodyPr anchor="t">
            <a:normAutofit/>
          </a:bodyPr>
          <a:lstStyle/>
          <a:p>
            <a:r>
              <a:rPr lang="en-US" sz="2400" dirty="0"/>
              <a:t>Joe </a:t>
            </a:r>
            <a:r>
              <a:rPr lang="en-US" sz="2400" dirty="0" err="1"/>
              <a:t>Celko's</a:t>
            </a:r>
            <a:r>
              <a:rPr lang="en-US" sz="2400" dirty="0"/>
              <a:t> Trees and Hierarchies in SQL for </a:t>
            </a:r>
            <a:r>
              <a:rPr lang="en-US" sz="2400" dirty="0" err="1"/>
              <a:t>Smarties</a:t>
            </a:r>
            <a:endParaRPr lang="en-US" sz="2400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438400" y="509588"/>
            <a:ext cx="3124200" cy="38671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769349" y="509589"/>
            <a:ext cx="3152775" cy="3952875"/>
          </a:xfrm>
          <a:prstGeom prst="rect">
            <a:avLst/>
          </a:prstGeom>
        </p:spPr>
      </p:pic>
      <p:sp>
        <p:nvSpPr>
          <p:cNvPr id="9" name="Title 1"/>
          <p:cNvSpPr txBox="1">
            <a:spLocks/>
          </p:cNvSpPr>
          <p:nvPr/>
        </p:nvSpPr>
        <p:spPr>
          <a:xfrm>
            <a:off x="6250236" y="4572000"/>
            <a:ext cx="4191000" cy="137160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400" dirty="0"/>
              <a:t>SQL </a:t>
            </a:r>
            <a:r>
              <a:rPr lang="en-US" sz="2400" dirty="0" err="1"/>
              <a:t>Antipatterns</a:t>
            </a:r>
            <a:r>
              <a:rPr lang="en-US" sz="2400" dirty="0"/>
              <a:t>: Avoiding the Pitfalls of Database Programming</a:t>
            </a:r>
          </a:p>
        </p:txBody>
      </p:sp>
    </p:spTree>
    <p:extLst>
      <p:ext uri="{BB962C8B-B14F-4D97-AF65-F5344CB8AC3E}">
        <p14:creationId xmlns:p14="http://schemas.microsoft.com/office/powerpoint/2010/main" val="11197792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33400" y="228600"/>
            <a:ext cx="8077200" cy="5662982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aturation sat="103000"/>
                    </a14:imgEffect>
                    <a14:imgEffect>
                      <a14:brightnessContrast contrast="-5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04800" y="609600"/>
            <a:ext cx="10134600" cy="441479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720517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1723" y="1219200"/>
            <a:ext cx="7772400" cy="2057400"/>
          </a:xfrm>
        </p:spPr>
        <p:txBody>
          <a:bodyPr anchor="t">
            <a:normAutofit/>
          </a:bodyPr>
          <a:lstStyle/>
          <a:p>
            <a:pPr algn="l"/>
            <a:endParaRPr lang="ru-RU" sz="3200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81000" y="427370"/>
            <a:ext cx="11430000" cy="5668630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81000" y="0"/>
            <a:ext cx="10668000" cy="627149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921140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295400" y="1219200"/>
            <a:ext cx="9372600" cy="3200400"/>
          </a:xfrm>
        </p:spPr>
        <p:txBody>
          <a:bodyPr anchor="t">
            <a:normAutofit/>
          </a:bodyPr>
          <a:lstStyle/>
          <a:p>
            <a:pPr algn="l"/>
            <a:r>
              <a:rPr lang="ru-RU" sz="3200" b="1" dirty="0"/>
              <a:t>Задача</a:t>
            </a:r>
            <a:r>
              <a:rPr lang="ru-RU" sz="3200" b="1" dirty="0" smtClean="0"/>
              <a:t>:</a:t>
            </a:r>
            <a:br>
              <a:rPr lang="ru-RU" sz="3200" b="1" dirty="0" smtClean="0"/>
            </a:br>
            <a:r>
              <a:rPr lang="ru-RU" sz="3200" dirty="0"/>
              <a:t/>
            </a:r>
            <a:br>
              <a:rPr lang="ru-RU" sz="3200" dirty="0"/>
            </a:br>
            <a:r>
              <a:rPr lang="ru-RU" sz="3200" dirty="0"/>
              <a:t>Хранение и последующее извлечение иерархической структуры при помощи MySQL</a:t>
            </a:r>
          </a:p>
        </p:txBody>
      </p:sp>
    </p:spTree>
    <p:extLst>
      <p:ext uri="{BB962C8B-B14F-4D97-AF65-F5344CB8AC3E}">
        <p14:creationId xmlns:p14="http://schemas.microsoft.com/office/powerpoint/2010/main" val="228795734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1723" y="1219200"/>
            <a:ext cx="7772400" cy="2057400"/>
          </a:xfrm>
        </p:spPr>
        <p:txBody>
          <a:bodyPr anchor="t">
            <a:normAutofit/>
          </a:bodyPr>
          <a:lstStyle/>
          <a:p>
            <a:pPr algn="l"/>
            <a:r>
              <a:rPr lang="en-US" sz="3200" dirty="0"/>
              <a:t>Adjacency List</a:t>
            </a:r>
            <a:br>
              <a:rPr lang="en-US" sz="3200" dirty="0"/>
            </a:br>
            <a:r>
              <a:rPr lang="en-US" sz="3200" dirty="0"/>
              <a:t>Path Enumeration</a:t>
            </a:r>
            <a:br>
              <a:rPr lang="en-US" sz="3200" dirty="0"/>
            </a:br>
            <a:r>
              <a:rPr lang="en-US" sz="3200" dirty="0"/>
              <a:t>Nested Sets</a:t>
            </a:r>
            <a:br>
              <a:rPr lang="en-US" sz="3200" dirty="0"/>
            </a:br>
            <a:r>
              <a:rPr lang="en-US" sz="3200" dirty="0"/>
              <a:t>Closure Table</a:t>
            </a:r>
            <a:endParaRPr lang="ru-RU" sz="3200" dirty="0"/>
          </a:p>
        </p:txBody>
      </p:sp>
    </p:spTree>
    <p:extLst>
      <p:ext uri="{BB962C8B-B14F-4D97-AF65-F5344CB8AC3E}">
        <p14:creationId xmlns:p14="http://schemas.microsoft.com/office/powerpoint/2010/main" val="370437451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80999" y="179781"/>
            <a:ext cx="7772400" cy="685800"/>
          </a:xfrm>
        </p:spPr>
        <p:txBody>
          <a:bodyPr anchor="t">
            <a:normAutofit/>
          </a:bodyPr>
          <a:lstStyle/>
          <a:p>
            <a:pPr algn="l"/>
            <a:r>
              <a:rPr lang="en-US" sz="3200" b="1" dirty="0"/>
              <a:t>Adjacency List</a:t>
            </a:r>
            <a:endParaRPr lang="ru-RU" sz="3200" b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80999" y="1398981"/>
            <a:ext cx="11243073" cy="4392219"/>
          </a:xfrm>
          <a:prstGeom prst="rect">
            <a:avLst/>
          </a:prstGeom>
        </p:spPr>
      </p:pic>
      <p:sp>
        <p:nvSpPr>
          <p:cNvPr id="10" name="TextBox 9"/>
          <p:cNvSpPr txBox="1"/>
          <p:nvPr/>
        </p:nvSpPr>
        <p:spPr>
          <a:xfrm>
            <a:off x="11308080" y="6454943"/>
            <a:ext cx="8382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b="1" dirty="0">
                <a:solidFill>
                  <a:schemeClr val="bg1"/>
                </a:solidFill>
              </a:rPr>
              <a:t>2015</a:t>
            </a:r>
            <a:endParaRPr lang="ru-RU" b="1" dirty="0">
              <a:solidFill>
                <a:schemeClr val="bg1"/>
              </a:solidFill>
            </a:endParaRPr>
          </a:p>
        </p:txBody>
      </p:sp>
      <p:sp>
        <p:nvSpPr>
          <p:cNvPr id="4" name="Rectangle 3"/>
          <p:cNvSpPr/>
          <p:nvPr/>
        </p:nvSpPr>
        <p:spPr>
          <a:xfrm>
            <a:off x="6781800" y="3733800"/>
            <a:ext cx="4842272" cy="609600"/>
          </a:xfrm>
          <a:prstGeom prst="rect">
            <a:avLst/>
          </a:prstGeom>
          <a:noFill/>
          <a:ln w="762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762481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838200" y="1825625"/>
            <a:ext cx="10515600" cy="4453256"/>
          </a:xfrm>
        </p:spPr>
        <p:txBody>
          <a:bodyPr>
            <a:normAutofit lnSpcReduction="10000"/>
          </a:bodyPr>
          <a:lstStyle/>
          <a:p>
            <a:pPr marL="0" indent="0">
              <a:buNone/>
            </a:pPr>
            <a:r>
              <a:rPr lang="en-US" b="1" dirty="0" smtClean="0"/>
              <a:t>INSERT</a:t>
            </a:r>
            <a:r>
              <a:rPr lang="en-US" dirty="0" smtClean="0"/>
              <a:t> </a:t>
            </a:r>
            <a:r>
              <a:rPr lang="en-US" b="1" dirty="0" smtClean="0"/>
              <a:t>INTO</a:t>
            </a:r>
            <a:r>
              <a:rPr lang="en-US" dirty="0" smtClean="0"/>
              <a:t> comments (</a:t>
            </a:r>
            <a:r>
              <a:rPr lang="en-US" dirty="0" err="1" smtClean="0"/>
              <a:t>parent_id</a:t>
            </a:r>
            <a:r>
              <a:rPr lang="en-US" dirty="0" smtClean="0"/>
              <a:t>, author, comment)</a:t>
            </a:r>
          </a:p>
          <a:p>
            <a:pPr marL="0" indent="0">
              <a:buNone/>
            </a:pPr>
            <a:r>
              <a:rPr lang="en-US" b="1" dirty="0"/>
              <a:t> </a:t>
            </a:r>
            <a:r>
              <a:rPr lang="en-US" b="1" dirty="0" smtClean="0"/>
              <a:t> VALUES</a:t>
            </a:r>
            <a:r>
              <a:rPr lang="en-US" dirty="0" smtClean="0"/>
              <a:t> (5, ‘Fran’, ‘I agree’);</a:t>
            </a:r>
          </a:p>
          <a:p>
            <a:endParaRPr lang="en-US" dirty="0"/>
          </a:p>
          <a:p>
            <a:pPr marL="0" indent="0">
              <a:buNone/>
            </a:pPr>
            <a:r>
              <a:rPr lang="en-US" b="1" dirty="0" smtClean="0"/>
              <a:t>UPDATE</a:t>
            </a:r>
          </a:p>
          <a:p>
            <a:pPr marL="0" indent="0">
              <a:buNone/>
            </a:pPr>
            <a:r>
              <a:rPr lang="en-US" b="1" dirty="0"/>
              <a:t> </a:t>
            </a:r>
            <a:r>
              <a:rPr lang="en-US" b="1" dirty="0" smtClean="0"/>
              <a:t> </a:t>
            </a:r>
            <a:r>
              <a:rPr lang="en-US" dirty="0" smtClean="0"/>
              <a:t>comments</a:t>
            </a:r>
          </a:p>
          <a:p>
            <a:pPr marL="0" indent="0">
              <a:buNone/>
            </a:pPr>
            <a:r>
              <a:rPr lang="en-US" b="1" dirty="0" smtClean="0"/>
              <a:t>SET</a:t>
            </a:r>
            <a:endParaRPr lang="en-US" dirty="0"/>
          </a:p>
          <a:p>
            <a:pPr marL="0" indent="0">
              <a:buNone/>
            </a:pPr>
            <a:r>
              <a:rPr lang="en-US" dirty="0" smtClean="0"/>
              <a:t>  </a:t>
            </a:r>
            <a:r>
              <a:rPr lang="en-US" dirty="0" err="1" smtClean="0"/>
              <a:t>parent_id</a:t>
            </a:r>
            <a:r>
              <a:rPr lang="en-US" dirty="0" smtClean="0"/>
              <a:t> = 3</a:t>
            </a:r>
          </a:p>
          <a:p>
            <a:pPr marL="0" indent="0">
              <a:buNone/>
            </a:pPr>
            <a:r>
              <a:rPr lang="en-US" b="1" dirty="0" smtClean="0"/>
              <a:t>WHERE</a:t>
            </a:r>
            <a:endParaRPr lang="en-US" dirty="0"/>
          </a:p>
          <a:p>
            <a:pPr marL="0" indent="0">
              <a:buNone/>
            </a:pPr>
            <a:r>
              <a:rPr lang="en-US" dirty="0" smtClean="0"/>
              <a:t>  </a:t>
            </a:r>
            <a:r>
              <a:rPr lang="en-US" dirty="0" err="1" smtClean="0"/>
              <a:t>comment_id</a:t>
            </a:r>
            <a:r>
              <a:rPr lang="en-US" dirty="0" smtClean="0"/>
              <a:t> = 6</a:t>
            </a:r>
          </a:p>
          <a:p>
            <a:pPr marL="0" indent="0">
              <a:buNone/>
            </a:pPr>
            <a:endParaRPr lang="ru-RU" dirty="0"/>
          </a:p>
        </p:txBody>
      </p:sp>
      <p:sp>
        <p:nvSpPr>
          <p:cNvPr id="8" name="Title 1"/>
          <p:cNvSpPr txBox="1">
            <a:spLocks/>
          </p:cNvSpPr>
          <p:nvPr/>
        </p:nvSpPr>
        <p:spPr>
          <a:xfrm>
            <a:off x="380999" y="179781"/>
            <a:ext cx="7772400" cy="68580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Segoe UI" panose="020B0502040204020203" pitchFamily="34" charset="0"/>
                <a:ea typeface="+mj-ea"/>
                <a:cs typeface="Segoe UI" panose="020B0502040204020203" pitchFamily="34" charset="0"/>
              </a:defRPr>
            </a:lvl1pPr>
          </a:lstStyle>
          <a:p>
            <a:pPr algn="l"/>
            <a:r>
              <a:rPr lang="en-US" sz="3200" b="1" dirty="0" smtClean="0"/>
              <a:t>Adjacency List</a:t>
            </a:r>
            <a:endParaRPr lang="ru-RU" sz="3200" b="1" dirty="0"/>
          </a:p>
        </p:txBody>
      </p:sp>
    </p:spTree>
    <p:extLst>
      <p:ext uri="{BB962C8B-B14F-4D97-AF65-F5344CB8AC3E}">
        <p14:creationId xmlns:p14="http://schemas.microsoft.com/office/powerpoint/2010/main" val="80562312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83688" y="152400"/>
            <a:ext cx="10055711" cy="2514600"/>
          </a:xfrm>
        </p:spPr>
        <p:txBody>
          <a:bodyPr anchor="t">
            <a:normAutofit/>
          </a:bodyPr>
          <a:lstStyle/>
          <a:p>
            <a:pPr algn="l"/>
            <a:r>
              <a:rPr lang="ru-RU" sz="3200" dirty="0"/>
              <a:t>+ Добавление узла</a:t>
            </a:r>
            <a:r>
              <a:rPr lang="en-US" sz="3200" dirty="0"/>
              <a:t/>
            </a:r>
            <a:br>
              <a:rPr lang="en-US" sz="3200" dirty="0"/>
            </a:br>
            <a:r>
              <a:rPr lang="ru-RU" sz="3200" dirty="0"/>
              <a:t>+ Перемещение поддерева</a:t>
            </a:r>
            <a:br>
              <a:rPr lang="ru-RU" sz="3200" dirty="0"/>
            </a:br>
            <a:r>
              <a:rPr lang="ru-RU" sz="3200" dirty="0"/>
              <a:t/>
            </a:r>
            <a:br>
              <a:rPr lang="ru-RU" sz="3200" dirty="0"/>
            </a:br>
            <a:r>
              <a:rPr lang="ru-RU" sz="3200" dirty="0"/>
              <a:t>- Ограничена возможность выборки поддерева</a:t>
            </a:r>
            <a:br>
              <a:rPr lang="ru-RU" sz="3200" dirty="0"/>
            </a:br>
            <a:endParaRPr lang="ru-RU" sz="3200" dirty="0"/>
          </a:p>
        </p:txBody>
      </p:sp>
      <p:sp>
        <p:nvSpPr>
          <p:cNvPr id="3" name="Rectangle 2"/>
          <p:cNvSpPr/>
          <p:nvPr/>
        </p:nvSpPr>
        <p:spPr>
          <a:xfrm>
            <a:off x="1905000" y="2209800"/>
            <a:ext cx="8153400" cy="3837382"/>
          </a:xfrm>
          <a:prstGeom prst="rect">
            <a:avLst/>
          </a:prstGeom>
          <a:noFill/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/>
          <a:lstStyle/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SELECT</a:t>
            </a:r>
          </a:p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*</a:t>
            </a:r>
          </a:p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FROM</a:t>
            </a:r>
          </a:p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category c1</a:t>
            </a:r>
          </a:p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LEFT JOIN category c2 ON c2.parent_id = c1.id</a:t>
            </a:r>
          </a:p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LEFT JOIN category c3 ON c3.parent_id = c2.id </a:t>
            </a:r>
            <a:endParaRPr lang="ru-RU" sz="2000" dirty="0">
              <a:solidFill>
                <a:schemeClr val="tx1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LEFT JOIN category c4 ON c4.parent_id = c3.id </a:t>
            </a:r>
            <a:endParaRPr lang="ru-RU" sz="2000" dirty="0">
              <a:solidFill>
                <a:schemeClr val="tx1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LEFT JOIN category c5 ON c5.parent_id = c4.id </a:t>
            </a:r>
          </a:p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LEFT JOIN category c6 ON c6.parent_id = c5.id </a:t>
            </a:r>
            <a:endParaRPr lang="ru-RU" sz="2000" dirty="0">
              <a:solidFill>
                <a:schemeClr val="tx1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LEFT JOIN category c7 ON c7.parent_id = c6.id </a:t>
            </a:r>
            <a:endParaRPr lang="ru-RU" sz="2000" dirty="0">
              <a:solidFill>
                <a:schemeClr val="tx1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LEFT JOIN category c8 ON c8.parent_id = c7.id </a:t>
            </a:r>
          </a:p>
          <a:p>
            <a:r>
              <a:rPr lang="en-US" sz="2000" dirty="0">
                <a:solidFill>
                  <a:schemeClr val="tx1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 ………</a:t>
            </a:r>
            <a:endParaRPr lang="ru-RU" sz="2000" dirty="0">
              <a:solidFill>
                <a:schemeClr val="tx1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endParaRPr lang="ru-RU" sz="2000" dirty="0">
              <a:solidFill>
                <a:schemeClr val="tx1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endParaRPr lang="en-US" sz="2000" dirty="0">
              <a:solidFill>
                <a:schemeClr val="tx1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  <a:p>
            <a:endParaRPr lang="ru-RU" sz="2000" dirty="0">
              <a:solidFill>
                <a:schemeClr val="tx1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255305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LTRA_SCORM_COURSE_ID" val="EB9747B1-62C2-4A19-80AF-1B46ED062D80"/>
  <p:tag name="ISPRING_SCORM_RATE_SLIDES" val="1"/>
  <p:tag name="ISPRING_SCORM_PASSING_SCORE" val="100.000000000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ONLINEFOLDERID" val="0"/>
  <p:tag name="ISPRINGONLINEFOLDERPATH" val="Content List"/>
  <p:tag name="ISPRINGONLINEFOLDERDOMAIN" val="https://iscloud.projects.ispring.lan"/>
  <p:tag name="ISPRINGCLOUDFOLDERID" val="0"/>
  <p:tag name="ISPRINGCLOUDFOLDERPATH" val="Content List"/>
  <p:tag name="ISPRING_PLAYERS_CUSTOMIZATION" val="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"/>
  <p:tag name="ISPRING_PRESENTATION_TITLE" val="Presentation1 4вфы"/>
  <p:tag name="ISPRING_RESOURCE_PATHS_HASH_PRESENTER" val="93463a2c3d6da32a58738d2cbd78c464d824cf7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642</TotalTime>
  <Words>1330</Words>
  <Application>Microsoft Office PowerPoint</Application>
  <PresentationFormat>Widescreen</PresentationFormat>
  <Paragraphs>199</Paragraphs>
  <Slides>21</Slides>
  <Notes>19</Notes>
  <HiddenSlides>0</HiddenSlides>
  <MMClips>0</MMClips>
  <ScaleCrop>false</ScaleCrop>
  <HeadingPairs>
    <vt:vector size="8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Embedded OLE Servers</vt:lpstr>
      </vt:variant>
      <vt:variant>
        <vt:i4>1</vt:i4>
      </vt:variant>
      <vt:variant>
        <vt:lpstr>Slide Titles</vt:lpstr>
      </vt:variant>
      <vt:variant>
        <vt:i4>21</vt:i4>
      </vt:variant>
    </vt:vector>
  </HeadingPairs>
  <TitlesOfParts>
    <vt:vector size="28" baseType="lpstr">
      <vt:lpstr>Arial</vt:lpstr>
      <vt:lpstr>Calibri</vt:lpstr>
      <vt:lpstr>Calibri Light</vt:lpstr>
      <vt:lpstr>Consolas</vt:lpstr>
      <vt:lpstr>Segoe UI</vt:lpstr>
      <vt:lpstr>Office Theme</vt:lpstr>
      <vt:lpstr>Worksheet</vt:lpstr>
      <vt:lpstr>БД 6.1</vt:lpstr>
      <vt:lpstr>Управление иерархическими структурами данных,  на примере MySQL</vt:lpstr>
      <vt:lpstr>PowerPoint Presentation</vt:lpstr>
      <vt:lpstr>PowerPoint Presentation</vt:lpstr>
      <vt:lpstr>Задача:  Хранение и последующее извлечение иерархической структуры при помощи MySQL</vt:lpstr>
      <vt:lpstr>Adjacency List Path Enumeration Nested Sets Closure Table</vt:lpstr>
      <vt:lpstr>Adjacency List</vt:lpstr>
      <vt:lpstr>PowerPoint Presentation</vt:lpstr>
      <vt:lpstr>+ Добавление узла + Перемещение поддерева  - Ограничена возможность выборки поддерева </vt:lpstr>
      <vt:lpstr>Path Enumeration</vt:lpstr>
      <vt:lpstr>Path Enumeration</vt:lpstr>
      <vt:lpstr>+ Выборка поддерева + Выборка пути до узла (breadcrumbs)  - Плохо масштабируется</vt:lpstr>
      <vt:lpstr>PowerPoint Presentation</vt:lpstr>
      <vt:lpstr>Nested Sets </vt:lpstr>
      <vt:lpstr>Nested Sets</vt:lpstr>
      <vt:lpstr>+ Выборка поддерева + Выборка пути до узла (breadcrumbs)  - Выборка одного уровня иерархии - Изменение структуры (добавление, перемещение, удаление)</vt:lpstr>
      <vt:lpstr>Closure Table</vt:lpstr>
      <vt:lpstr>PowerPoint Presentation</vt:lpstr>
      <vt:lpstr>+ Все операции шустрые   - … пока дерево не достигает слишком большой глубины.</vt:lpstr>
      <vt:lpstr>Выбор наиболее подходящего метода</vt:lpstr>
      <vt:lpstr>Joe Celko's Trees and Hierarchies in SQL for Smarties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esentation1 4вфы</dc:title>
  <dc:creator>Nikita Vanyasin</dc:creator>
  <cp:lastModifiedBy>Nikita Vanyasin</cp:lastModifiedBy>
  <cp:revision>52</cp:revision>
  <dcterms:created xsi:type="dcterms:W3CDTF">2015-03-20T09:58:26Z</dcterms:created>
  <dcterms:modified xsi:type="dcterms:W3CDTF">2017-03-06T12:53:35Z</dcterms:modified>
</cp:coreProperties>
</file>